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9"/>
  </p:notesMasterIdLst>
  <p:handoutMasterIdLst>
    <p:handoutMasterId r:id="rId10"/>
  </p:handoutMasterIdLst>
  <p:sldIdLst>
    <p:sldId id="295" r:id="rId2"/>
    <p:sldId id="303" r:id="rId3"/>
    <p:sldId id="307" r:id="rId4"/>
    <p:sldId id="310" r:id="rId5"/>
    <p:sldId id="313" r:id="rId6"/>
    <p:sldId id="314" r:id="rId7"/>
    <p:sldId id="309" r:id="rId8"/>
  </p:sldIdLst>
  <p:sldSz cx="9144000" cy="6858000" type="screen4x3"/>
  <p:notesSz cx="6807200" cy="9939338"/>
  <p:custDataLst>
    <p:tags r:id="rId11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E1"/>
    <a:srgbClr val="FF00FF"/>
    <a:srgbClr val="FFCCFF"/>
    <a:srgbClr val="FDFDFD"/>
    <a:srgbClr val="D5B8EA"/>
    <a:srgbClr val="CFCFD0"/>
    <a:srgbClr val="C5E0B4"/>
    <a:srgbClr val="D26114"/>
    <a:srgbClr val="7030A0"/>
    <a:srgbClr val="FBE5D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无样式，网格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6370" autoAdjust="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commentAuthors" Target="commentAuthors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handoutMaster" Target="handoutMasters/handoutMaster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05308776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zh-CN" altLang="en-US" dirty="0"/>
              <a:t>要求：長方體的體積。</a:t>
            </a:r>
            <a:endParaRPr lang="en-US" altLang="zh-CN" dirty="0"/>
          </a:p>
          <a:p>
            <a:r>
              <a:rPr lang="zh-CN" altLang="en-US" dirty="0"/>
              <a:t>已知：長方體的六個面的長和闊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①先將六個面拼成一個長方體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②再找出對應的長、闊和高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③最後計算。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2378586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88732185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zh-CN" altLang="en-US" dirty="0"/>
              <a:t>要求：</a:t>
            </a:r>
            <a:r>
              <a:rPr lang="zh-CN" altLang="en-US" sz="1200" dirty="0">
                <a:ea typeface="DFKai-SB" panose="03000509000000000000" pitchFamily="65" charset="-120"/>
              </a:rPr>
              <a:t>摺出的</a:t>
            </a:r>
            <a:r>
              <a:rPr lang="zh-CN" altLang="en-US" dirty="0"/>
              <a:t>長方體的體積。</a:t>
            </a:r>
            <a:endParaRPr lang="en-US" altLang="zh-CN" dirty="0"/>
          </a:p>
          <a:p>
            <a:r>
              <a:rPr lang="zh-CN" altLang="en-US" dirty="0"/>
              <a:t>已知：</a:t>
            </a:r>
            <a:endParaRPr lang="en-US" altLang="zh-CN" dirty="0"/>
          </a:p>
          <a:p>
            <a:r>
              <a:rPr lang="zh-CN" altLang="en-US" dirty="0"/>
              <a:t>長方體</a:t>
            </a:r>
            <a:r>
              <a:rPr lang="zh-CN" altLang="en-US" sz="1200" dirty="0">
                <a:ea typeface="DFKai-SB" panose="03000509000000000000" pitchFamily="65" charset="-120"/>
              </a:rPr>
              <a:t>的摺紙圖樣</a:t>
            </a:r>
            <a:r>
              <a:rPr lang="en-US" altLang="zh-CN" sz="1200" dirty="0">
                <a:ea typeface="DFKai-SB" panose="03000509000000000000" pitchFamily="65" charset="-120"/>
              </a:rPr>
              <a:t>(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由</a:t>
            </a:r>
            <a:r>
              <a:rPr lang="en-US" altLang="zh-CN" sz="1200" dirty="0">
                <a:solidFill>
                  <a:srgbClr val="0000E1"/>
                </a:solidFill>
                <a:ea typeface="DFKai-SB" panose="03000509000000000000" pitchFamily="65" charset="-120"/>
              </a:rPr>
              <a:t>3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對形狀和大小都分別相同的長方形組成</a:t>
            </a:r>
            <a:r>
              <a:rPr lang="en-US" altLang="zh-CN" sz="1200" dirty="0">
                <a:ea typeface="DFKai-SB" panose="03000509000000000000" pitchFamily="65" charset="-120"/>
              </a:rPr>
              <a:t>)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dirty="0"/>
              <a:t>①先把</a:t>
            </a:r>
            <a:r>
              <a:rPr lang="zh-CN" altLang="en-US" sz="1200" dirty="0">
                <a:ea typeface="DFKai-SB" panose="03000509000000000000" pitchFamily="65" charset="-120"/>
              </a:rPr>
              <a:t>摺紙圖樣中</a:t>
            </a: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形狀和大小相同的長方形分別塗上相同的顏色</a:t>
            </a:r>
            <a:r>
              <a:rPr lang="zh-CN" altLang="en-US" dirty="0"/>
              <a:t>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②再</a:t>
            </a:r>
            <a:r>
              <a:rPr lang="zh-CN" altLang="en-US" sz="1200" dirty="0">
                <a:ea typeface="DFKai-SB" panose="03000509000000000000" pitchFamily="65" charset="-120"/>
              </a:rPr>
              <a:t>摺成一個長方體並</a:t>
            </a:r>
            <a:r>
              <a:rPr lang="zh-CN" altLang="en-US" dirty="0"/>
              <a:t>找出對應的長、闊和高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③最後計算</a:t>
            </a:r>
            <a:r>
              <a:rPr lang="zh-CN" altLang="en-US" sz="1200" dirty="0">
                <a:solidFill>
                  <a:srgbClr val="FF00FF"/>
                </a:solidFill>
                <a:ea typeface="DFKai-SB" panose="03000509000000000000" pitchFamily="65" charset="-120"/>
              </a:rPr>
              <a:t>長方體的體積</a:t>
            </a:r>
            <a:r>
              <a:rPr lang="zh-CN" altLang="en-US" dirty="0"/>
              <a:t>。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12880499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zh-CN" altLang="en-US" dirty="0"/>
              <a:t>動畫展示</a:t>
            </a:r>
            <a:r>
              <a:rPr lang="zh-CN" altLang="en-US" sz="1200" dirty="0">
                <a:ea typeface="DFKai-SB" panose="03000509000000000000" pitchFamily="65" charset="-120"/>
              </a:rPr>
              <a:t>摺成一個長方體的過程</a:t>
            </a:r>
            <a:endParaRPr lang="zh-CN" altLang="en-US" dirty="0"/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29841759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6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40641922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lnSpc>
                <a:spcPts val="4400"/>
              </a:lnSpc>
            </a:pPr>
            <a:r>
              <a:rPr lang="zh-CN" altLang="en-US" dirty="0"/>
              <a:t>要求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能夠找出男乘客的人數的方程</a:t>
            </a:r>
            <a:r>
              <a:rPr lang="zh-CN" altLang="en-US" dirty="0"/>
              <a:t>。</a:t>
            </a:r>
            <a:endParaRPr lang="en-US" altLang="zh-CN" dirty="0"/>
          </a:p>
          <a:p>
            <a:pPr>
              <a:lnSpc>
                <a:spcPts val="4400"/>
              </a:lnSpc>
            </a:pPr>
            <a:r>
              <a:rPr lang="zh-CN" altLang="en-US" dirty="0"/>
              <a:t>已知：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男乘客</a:t>
            </a:r>
            <a:r>
              <a:rPr lang="en-US" altLang="zh-CN" sz="1200" i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h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人，女乘客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6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人，女乘客的人數比男乘客的一半多</a:t>
            </a:r>
            <a:r>
              <a:rPr lang="en-US" altLang="zh-CN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12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人</a:t>
            </a:r>
            <a:r>
              <a:rPr lang="zh-CN" altLang="en-US" sz="1200" dirty="0">
                <a:solidFill>
                  <a:srgbClr val="0000E1"/>
                </a:solidFill>
                <a:ea typeface="DFKai-SB" panose="03000509000000000000" pitchFamily="65" charset="-120"/>
              </a:rPr>
              <a:t>。</a:t>
            </a:r>
            <a:endParaRPr lang="en-US" altLang="zh-CN" dirty="0"/>
          </a:p>
          <a:p>
            <a:r>
              <a:rPr lang="zh-CN" altLang="en-US" dirty="0"/>
              <a:t>步驟：</a:t>
            </a:r>
            <a:endParaRPr lang="en-US" altLang="zh-CN" dirty="0"/>
          </a:p>
          <a:p>
            <a:pPr>
              <a:lnSpc>
                <a:spcPts val="3600"/>
              </a:lnSpc>
            </a:pPr>
            <a:r>
              <a:rPr lang="zh-CN" altLang="en-US" dirty="0"/>
              <a:t>①先用圖解表示出男乘客和女乘客的人數；</a:t>
            </a:r>
            <a:endParaRPr lang="en-US" altLang="zh-CN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CN" altLang="en-US" dirty="0"/>
              <a:t>②再建立男乘客和女乘客的關係式。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7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0891715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5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四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microsoft.com/office/2007/relationships/hdphoto" Target="../media/hdphoto1.wdp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microsoft.com/office/2007/relationships/hdphoto" Target="../media/hdphoto2.wdp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5" Type="http://schemas.microsoft.com/office/2007/relationships/hdphoto" Target="../media/hdphoto2.wdp"/><Relationship Id="rId4" Type="http://schemas.openxmlformats.org/officeDocument/2006/relationships/image" Target="../media/image4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5" Type="http://schemas.microsoft.com/office/2007/relationships/hdphoto" Target="../media/hdphoto2.wdp"/><Relationship Id="rId4" Type="http://schemas.openxmlformats.org/officeDocument/2006/relationships/image" Target="../media/image4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" name="矩形 49">
            <a:extLst>
              <a:ext uri="{FF2B5EF4-FFF2-40B4-BE49-F238E27FC236}">
                <a16:creationId xmlns:a16="http://schemas.microsoft.com/office/drawing/2014/main" id="{5481C706-894C-4511-B692-B3AEDD2069C3}"/>
              </a:ext>
            </a:extLst>
          </p:cNvPr>
          <p:cNvSpPr/>
          <p:nvPr/>
        </p:nvSpPr>
        <p:spPr>
          <a:xfrm>
            <a:off x="3208008" y="3689475"/>
            <a:ext cx="3710377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E74B1FF7-691B-4971-B79A-3C3C6C26CE14}"/>
              </a:ext>
            </a:extLst>
          </p:cNvPr>
          <p:cNvSpPr txBox="1"/>
          <p:nvPr/>
        </p:nvSpPr>
        <p:spPr>
          <a:xfrm>
            <a:off x="650548" y="3566206"/>
            <a:ext cx="8226324" cy="6083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dirty="0">
                <a:ea typeface="DFKai-SB" panose="03000509000000000000" pitchFamily="65" charset="-120"/>
              </a:rPr>
              <a:t>表哥在</a:t>
            </a:r>
            <a:r>
              <a:rPr lang="zh-CN" altLang="en-US" sz="2800" u="sng" dirty="0">
                <a:ea typeface="DFKai-SB" panose="03000509000000000000" pitchFamily="65" charset="-120"/>
              </a:rPr>
              <a:t>和家餐廳</a:t>
            </a:r>
            <a:r>
              <a:rPr lang="zh-CN" altLang="en-US" sz="2800" dirty="0">
                <a:ea typeface="DFKai-SB" panose="03000509000000000000" pitchFamily="65" charset="-120"/>
              </a:rPr>
              <a:t>工作</a:t>
            </a:r>
            <a:r>
              <a:rPr lang="en-US" altLang="zh-CN" sz="2800" dirty="0">
                <a:ea typeface="DFKai-SB" panose="03000509000000000000" pitchFamily="65" charset="-120"/>
              </a:rPr>
              <a:t>6</a:t>
            </a:r>
            <a:r>
              <a:rPr lang="zh-CN" altLang="en-US" sz="2800" dirty="0">
                <a:ea typeface="DFKai-SB" panose="03000509000000000000" pitchFamily="65" charset="-120"/>
              </a:rPr>
              <a:t>天，共可獲得工資</a:t>
            </a:r>
            <a:r>
              <a:rPr lang="en-US" altLang="zh-CN" sz="2800" dirty="0">
                <a:ea typeface="DFKai-SB" panose="03000509000000000000" pitchFamily="65" charset="-120"/>
              </a:rPr>
              <a:t>_______</a:t>
            </a:r>
            <a:r>
              <a:rPr lang="zh-CN" altLang="en-US" sz="2800" dirty="0">
                <a:ea typeface="DFKai-SB" panose="03000509000000000000" pitchFamily="65" charset="-120"/>
              </a:rPr>
              <a:t>元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26631" y="858574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8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42" name="Text Box 9">
            <a:extLst>
              <a:ext uri="{FF2B5EF4-FFF2-40B4-BE49-F238E27FC236}">
                <a16:creationId xmlns:a16="http://schemas.microsoft.com/office/drawing/2014/main" id="{F31D077B-36D7-4081-A2C6-A0E84ED3C33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716812" y="2067567"/>
            <a:ext cx="2981509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每天工作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小時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7" name="Text Box 9">
            <a:extLst>
              <a:ext uri="{FF2B5EF4-FFF2-40B4-BE49-F238E27FC236}">
                <a16:creationId xmlns:a16="http://schemas.microsoft.com/office/drawing/2014/main" id="{ECFA51D4-B5CC-42EF-B3C4-183DC17037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130119" y="4754502"/>
            <a:ext cx="2883762" cy="13849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共可獲得工資：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   48.5 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× 8 × 6</a:t>
            </a:r>
          </a:p>
          <a:p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= 2328(</a:t>
            </a: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元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)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55" name="Text Box 9">
            <a:extLst>
              <a:ext uri="{FF2B5EF4-FFF2-40B4-BE49-F238E27FC236}">
                <a16:creationId xmlns:a16="http://schemas.microsoft.com/office/drawing/2014/main" id="{3014B60F-D9FA-416C-9B88-2FC860F7A8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83290" y="3655361"/>
            <a:ext cx="1095056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2328</a:t>
            </a:r>
            <a:endParaRPr lang="zh-TW" altLang="en-US" sz="2800" dirty="0">
              <a:solidFill>
                <a:srgbClr val="FF0000"/>
              </a:solidFill>
              <a:latin typeface="+mn-lt"/>
              <a:ea typeface="DFKai-SB" panose="03000509000000000000" pitchFamily="65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4E06C95F-E709-45A1-AC94-AA5A3A4368C1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127023" y="937435"/>
            <a:ext cx="4378427" cy="2592327"/>
          </a:xfrm>
          <a:prstGeom prst="rect">
            <a:avLst/>
          </a:prstGeom>
        </p:spPr>
      </p:pic>
      <p:sp>
        <p:nvSpPr>
          <p:cNvPr id="16" name="Text Box 9">
            <a:extLst>
              <a:ext uri="{FF2B5EF4-FFF2-40B4-BE49-F238E27FC236}">
                <a16:creationId xmlns:a16="http://schemas.microsoft.com/office/drawing/2014/main" id="{9F0A62B0-78EB-4676-82C6-A4D2C514A6E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146422" y="4243588"/>
            <a:ext cx="534660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共可獲得工資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每天的工資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18" name="Text Box 9">
            <a:extLst>
              <a:ext uri="{FF2B5EF4-FFF2-40B4-BE49-F238E27FC236}">
                <a16:creationId xmlns:a16="http://schemas.microsoft.com/office/drawing/2014/main" id="{8AFC31E9-0F8A-43FD-A258-1886831D0C8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10567" y="2513047"/>
            <a:ext cx="432598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每天獲得工資</a:t>
            </a:r>
            <a:r>
              <a:rPr lang="en-US" altLang="zh-TW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(48.5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)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A9FC7EB2-DAFF-4DB6-81CF-BA43474A0069}"/>
              </a:ext>
            </a:extLst>
          </p:cNvPr>
          <p:cNvSpPr/>
          <p:nvPr/>
        </p:nvSpPr>
        <p:spPr>
          <a:xfrm>
            <a:off x="1747684" y="2162175"/>
            <a:ext cx="3214841" cy="35767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箭头: 右 3">
            <a:extLst>
              <a:ext uri="{FF2B5EF4-FFF2-40B4-BE49-F238E27FC236}">
                <a16:creationId xmlns:a16="http://schemas.microsoft.com/office/drawing/2014/main" id="{2642744B-AA4D-484E-A1BE-93E0307C3611}"/>
              </a:ext>
            </a:extLst>
          </p:cNvPr>
          <p:cNvSpPr/>
          <p:nvPr/>
        </p:nvSpPr>
        <p:spPr>
          <a:xfrm>
            <a:off x="5007115" y="2205403"/>
            <a:ext cx="750311" cy="271213"/>
          </a:xfrm>
          <a:prstGeom prst="rightArrow">
            <a:avLst/>
          </a:prstGeom>
          <a:solidFill>
            <a:srgbClr val="00B050"/>
          </a:solidFill>
          <a:ln w="9525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矩形 20">
            <a:extLst>
              <a:ext uri="{FF2B5EF4-FFF2-40B4-BE49-F238E27FC236}">
                <a16:creationId xmlns:a16="http://schemas.microsoft.com/office/drawing/2014/main" id="{CD512574-3BF6-463E-B18B-3ACE1C3A022A}"/>
              </a:ext>
            </a:extLst>
          </p:cNvPr>
          <p:cNvSpPr/>
          <p:nvPr/>
        </p:nvSpPr>
        <p:spPr>
          <a:xfrm>
            <a:off x="2374491" y="2590787"/>
            <a:ext cx="1968910" cy="35767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0" name="箭头: 右 19">
            <a:extLst>
              <a:ext uri="{FF2B5EF4-FFF2-40B4-BE49-F238E27FC236}">
                <a16:creationId xmlns:a16="http://schemas.microsoft.com/office/drawing/2014/main" id="{DF019E79-B38B-4D9A-B11D-D77D27E42608}"/>
              </a:ext>
            </a:extLst>
          </p:cNvPr>
          <p:cNvSpPr/>
          <p:nvPr/>
        </p:nvSpPr>
        <p:spPr>
          <a:xfrm>
            <a:off x="4361659" y="2648680"/>
            <a:ext cx="457200" cy="271213"/>
          </a:xfrm>
          <a:prstGeom prst="rightArrow">
            <a:avLst/>
          </a:prstGeom>
          <a:solidFill>
            <a:srgbClr val="00B050"/>
          </a:solidFill>
          <a:ln w="9525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520821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0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20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10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000"/>
                            </p:stCondLst>
                            <p:childTnLst>
                              <p:par>
                                <p:cTn id="5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1000"/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1000"/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0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" grpId="0" animBg="1"/>
      <p:bldP spid="50" grpId="1" animBg="1"/>
      <p:bldP spid="42" grpId="0"/>
      <p:bldP spid="42" grpId="1"/>
      <p:bldP spid="47" grpId="0" uiExpand="1" build="allAtOnce"/>
      <p:bldP spid="55" grpId="0"/>
      <p:bldP spid="16" grpId="0"/>
      <p:bldP spid="16" grpId="1"/>
      <p:bldP spid="18" grpId="0"/>
      <p:bldP spid="18" grpId="1"/>
      <p:bldP spid="3" grpId="0" animBg="1"/>
      <p:bldP spid="3" grpId="1" animBg="1"/>
      <p:bldP spid="4" grpId="0" animBg="1"/>
      <p:bldP spid="4" grpId="1" animBg="1"/>
      <p:bldP spid="21" grpId="0" animBg="1"/>
      <p:bldP spid="21" grpId="1" animBg="1"/>
      <p:bldP spid="20" grpId="0" animBg="1"/>
      <p:bldP spid="20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" name="矩形 55">
            <a:extLst>
              <a:ext uri="{FF2B5EF4-FFF2-40B4-BE49-F238E27FC236}">
                <a16:creationId xmlns:a16="http://schemas.microsoft.com/office/drawing/2014/main" id="{021F4CCB-0ECF-4E38-9F5E-1E10ED96C770}"/>
              </a:ext>
            </a:extLst>
          </p:cNvPr>
          <p:cNvSpPr/>
          <p:nvPr/>
        </p:nvSpPr>
        <p:spPr>
          <a:xfrm>
            <a:off x="2714400" y="1688400"/>
            <a:ext cx="720000" cy="576000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4" name="矩形 103">
            <a:extLst>
              <a:ext uri="{FF2B5EF4-FFF2-40B4-BE49-F238E27FC236}">
                <a16:creationId xmlns:a16="http://schemas.microsoft.com/office/drawing/2014/main" id="{EC04EC31-3AB4-4754-83ED-69DB440BD131}"/>
              </a:ext>
            </a:extLst>
          </p:cNvPr>
          <p:cNvSpPr/>
          <p:nvPr/>
        </p:nvSpPr>
        <p:spPr>
          <a:xfrm>
            <a:off x="2714400" y="1687144"/>
            <a:ext cx="720000" cy="576000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0" name="矩形 49">
            <a:extLst>
              <a:ext uri="{FF2B5EF4-FFF2-40B4-BE49-F238E27FC236}">
                <a16:creationId xmlns:a16="http://schemas.microsoft.com/office/drawing/2014/main" id="{5481C706-894C-4511-B692-B3AEDD2069C3}"/>
              </a:ext>
            </a:extLst>
          </p:cNvPr>
          <p:cNvSpPr/>
          <p:nvPr/>
        </p:nvSpPr>
        <p:spPr>
          <a:xfrm>
            <a:off x="2133667" y="3521885"/>
            <a:ext cx="4249716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E74B1FF7-691B-4971-B79A-3C3C6C26CE14}"/>
              </a:ext>
            </a:extLst>
          </p:cNvPr>
          <p:cNvSpPr txBox="1"/>
          <p:nvPr/>
        </p:nvSpPr>
        <p:spPr>
          <a:xfrm>
            <a:off x="927950" y="3411401"/>
            <a:ext cx="7968400" cy="6083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dirty="0">
                <a:ea typeface="DFKai-SB" panose="03000509000000000000" pitchFamily="65" charset="-120"/>
              </a:rPr>
              <a:t>以上是長方體的六個面，它的體積是</a:t>
            </a:r>
            <a:r>
              <a:rPr lang="en-US" altLang="zh-CN" sz="2800" dirty="0">
                <a:ea typeface="DFKai-SB" panose="03000509000000000000" pitchFamily="65" charset="-120"/>
              </a:rPr>
              <a:t>_______cm³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07" name="矩形 86">
            <a:extLst>
              <a:ext uri="{FF2B5EF4-FFF2-40B4-BE49-F238E27FC236}">
                <a16:creationId xmlns:a16="http://schemas.microsoft.com/office/drawing/2014/main" id="{8419A18C-DD33-430A-B6DF-0BC1A50F7DD2}"/>
              </a:ext>
            </a:extLst>
          </p:cNvPr>
          <p:cNvSpPr/>
          <p:nvPr/>
        </p:nvSpPr>
        <p:spPr>
          <a:xfrm>
            <a:off x="6678421" y="5605128"/>
            <a:ext cx="967061" cy="483139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7061" h="483139">
                <a:moveTo>
                  <a:pt x="250039" y="0"/>
                </a:moveTo>
                <a:lnTo>
                  <a:pt x="967061" y="4189"/>
                </a:lnTo>
                <a:lnTo>
                  <a:pt x="720000" y="483139"/>
                </a:lnTo>
                <a:lnTo>
                  <a:pt x="0" y="483139"/>
                </a:lnTo>
                <a:lnTo>
                  <a:pt x="250039" y="0"/>
                </a:lnTo>
                <a:close/>
              </a:path>
            </a:pathLst>
          </a:custGeom>
          <a:solidFill>
            <a:schemeClr val="accent4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5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graphicFrame>
        <p:nvGraphicFramePr>
          <p:cNvPr id="6" name="表格 6">
            <a:extLst>
              <a:ext uri="{FF2B5EF4-FFF2-40B4-BE49-F238E27FC236}">
                <a16:creationId xmlns:a16="http://schemas.microsoft.com/office/drawing/2014/main" id="{8514B449-B272-4BE7-9F3B-5BB5ABFF544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367158829"/>
              </p:ext>
            </p:extLst>
          </p:nvPr>
        </p:nvGraphicFramePr>
        <p:xfrm>
          <a:off x="1074402" y="1020011"/>
          <a:ext cx="6867524" cy="2437535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956245">
                  <a:extLst>
                    <a:ext uri="{9D8B030D-6E8A-4147-A177-3AD203B41FA5}">
                      <a16:colId xmlns:a16="http://schemas.microsoft.com/office/drawing/2014/main" val="1827849254"/>
                    </a:ext>
                  </a:extLst>
                </a:gridCol>
                <a:gridCol w="1950804">
                  <a:extLst>
                    <a:ext uri="{9D8B030D-6E8A-4147-A177-3AD203B41FA5}">
                      <a16:colId xmlns:a16="http://schemas.microsoft.com/office/drawing/2014/main" val="2564597075"/>
                    </a:ext>
                  </a:extLst>
                </a:gridCol>
                <a:gridCol w="1981200">
                  <a:extLst>
                    <a:ext uri="{9D8B030D-6E8A-4147-A177-3AD203B41FA5}">
                      <a16:colId xmlns:a16="http://schemas.microsoft.com/office/drawing/2014/main" val="2626250789"/>
                    </a:ext>
                  </a:extLst>
                </a:gridCol>
                <a:gridCol w="1979275">
                  <a:extLst>
                    <a:ext uri="{9D8B030D-6E8A-4147-A177-3AD203B41FA5}">
                      <a16:colId xmlns:a16="http://schemas.microsoft.com/office/drawing/2014/main" val="2522773657"/>
                    </a:ext>
                  </a:extLst>
                </a:gridCol>
              </a:tblGrid>
              <a:tr h="1818439">
                <a:tc>
                  <a:txBody>
                    <a:bodyPr/>
                    <a:lstStyle/>
                    <a:p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形狀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zh-CN" alt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zh-CN" alt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zh-CN" alt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36706715"/>
                  </a:ext>
                </a:extLst>
              </a:tr>
              <a:tr h="619096">
                <a:tc>
                  <a:txBody>
                    <a:bodyPr/>
                    <a:lstStyle/>
                    <a:p>
                      <a:pPr algn="ctr" fontAlgn="ctr">
                        <a:lnSpc>
                          <a:spcPts val="2400"/>
                        </a:lnSpc>
                        <a:spcBef>
                          <a:spcPts val="0"/>
                        </a:spcBef>
                      </a:pPr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數量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ts val="2400"/>
                        </a:lnSpc>
                        <a:spcBef>
                          <a:spcPts val="0"/>
                        </a:spcBef>
                      </a:pPr>
                      <a:r>
                        <a:rPr lang="en-US" altLang="zh-CN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2</a:t>
                      </a:r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個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ts val="24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altLang="zh-CN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2</a:t>
                      </a:r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個</a:t>
                      </a:r>
                      <a:endParaRPr lang="zh-CN" altLang="en-US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ts val="24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altLang="zh-CN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2</a:t>
                      </a:r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個</a:t>
                      </a:r>
                      <a:endParaRPr lang="zh-CN" altLang="en-US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691865929"/>
                  </a:ext>
                </a:extLst>
              </a:tr>
            </a:tbl>
          </a:graphicData>
        </a:graphic>
      </p:graphicFrame>
      <p:grpSp>
        <p:nvGrpSpPr>
          <p:cNvPr id="9" name="组合 8">
            <a:extLst>
              <a:ext uri="{FF2B5EF4-FFF2-40B4-BE49-F238E27FC236}">
                <a16:creationId xmlns:a16="http://schemas.microsoft.com/office/drawing/2014/main" id="{F957BB26-BE58-4280-A7E7-D95AC21DF5CA}"/>
              </a:ext>
            </a:extLst>
          </p:cNvPr>
          <p:cNvGrpSpPr/>
          <p:nvPr/>
        </p:nvGrpSpPr>
        <p:grpSpPr>
          <a:xfrm>
            <a:off x="2133667" y="1686705"/>
            <a:ext cx="1301659" cy="922939"/>
            <a:chOff x="1857375" y="1514028"/>
            <a:chExt cx="1301659" cy="922939"/>
          </a:xfrm>
        </p:grpSpPr>
        <p:sp>
          <p:nvSpPr>
            <p:cNvPr id="8" name="矩形 7">
              <a:extLst>
                <a:ext uri="{FF2B5EF4-FFF2-40B4-BE49-F238E27FC236}">
                  <a16:creationId xmlns:a16="http://schemas.microsoft.com/office/drawing/2014/main" id="{36AF6B4A-0DE3-4734-8DD5-9E03F2A68BEE}"/>
                </a:ext>
              </a:extLst>
            </p:cNvPr>
            <p:cNvSpPr/>
            <p:nvPr/>
          </p:nvSpPr>
          <p:spPr>
            <a:xfrm>
              <a:off x="2439034" y="1514028"/>
              <a:ext cx="720000" cy="576000"/>
            </a:xfrm>
            <a:prstGeom prst="rect">
              <a:avLst/>
            </a:prstGeom>
            <a:solidFill>
              <a:srgbClr val="FDFDFD"/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37" name="Text Box 50">
              <a:extLst>
                <a:ext uri="{FF2B5EF4-FFF2-40B4-BE49-F238E27FC236}">
                  <a16:creationId xmlns:a16="http://schemas.microsoft.com/office/drawing/2014/main" id="{8F45BC35-BB63-4C4D-9E82-BB59B1D9A34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57375" y="1723162"/>
              <a:ext cx="644588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4cm</a:t>
              </a:r>
            </a:p>
          </p:txBody>
        </p:sp>
        <p:sp>
          <p:nvSpPr>
            <p:cNvPr id="38" name="Text Box 50">
              <a:extLst>
                <a:ext uri="{FF2B5EF4-FFF2-40B4-BE49-F238E27FC236}">
                  <a16:creationId xmlns:a16="http://schemas.microsoft.com/office/drawing/2014/main" id="{00FDACDB-59FE-43DF-88A2-1D59F1A2984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6670" y="2067635"/>
              <a:ext cx="644588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5cm</a:t>
              </a:r>
            </a:p>
          </p:txBody>
        </p:sp>
      </p:grpSp>
      <p:sp>
        <p:nvSpPr>
          <p:cNvPr id="57" name="矩形 56">
            <a:extLst>
              <a:ext uri="{FF2B5EF4-FFF2-40B4-BE49-F238E27FC236}">
                <a16:creationId xmlns:a16="http://schemas.microsoft.com/office/drawing/2014/main" id="{9E788AFF-35D3-4942-97FA-5828D26A12FF}"/>
              </a:ext>
            </a:extLst>
          </p:cNvPr>
          <p:cNvSpPr/>
          <p:nvPr/>
        </p:nvSpPr>
        <p:spPr>
          <a:xfrm>
            <a:off x="4658400" y="1080000"/>
            <a:ext cx="720000" cy="144000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8" name="矩形 57">
            <a:extLst>
              <a:ext uri="{FF2B5EF4-FFF2-40B4-BE49-F238E27FC236}">
                <a16:creationId xmlns:a16="http://schemas.microsoft.com/office/drawing/2014/main" id="{AC83C611-D575-411F-99AB-08470BD3F6A0}"/>
              </a:ext>
            </a:extLst>
          </p:cNvPr>
          <p:cNvSpPr/>
          <p:nvPr/>
        </p:nvSpPr>
        <p:spPr>
          <a:xfrm>
            <a:off x="6811870" y="1078530"/>
            <a:ext cx="576000" cy="1440000"/>
          </a:xfrm>
          <a:prstGeom prst="rect">
            <a:avLst/>
          </a:prstGeom>
          <a:solidFill>
            <a:srgbClr val="D5B8EA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74" name="Text Box 9">
            <a:extLst>
              <a:ext uri="{FF2B5EF4-FFF2-40B4-BE49-F238E27FC236}">
                <a16:creationId xmlns:a16="http://schemas.microsoft.com/office/drawing/2014/main" id="{5E764D47-BD97-41CA-A0D6-B27741D77D2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01453" y="5109018"/>
            <a:ext cx="757335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10cm</a:t>
            </a:r>
            <a:endParaRPr lang="zh-TW" altLang="en-US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76" name="Text Box 9">
            <a:extLst>
              <a:ext uri="{FF2B5EF4-FFF2-40B4-BE49-F238E27FC236}">
                <a16:creationId xmlns:a16="http://schemas.microsoft.com/office/drawing/2014/main" id="{4242C11A-E7A8-4D2C-95E4-C7FA4D3BAAB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723308" y="6026102"/>
            <a:ext cx="678029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5cm</a:t>
            </a:r>
            <a:endParaRPr lang="zh-TW" altLang="en-US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77" name="Text Box 9">
            <a:extLst>
              <a:ext uri="{FF2B5EF4-FFF2-40B4-BE49-F238E27FC236}">
                <a16:creationId xmlns:a16="http://schemas.microsoft.com/office/drawing/2014/main" id="{5675ADEA-F71A-47CC-930B-7F598745732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459621" y="5726539"/>
            <a:ext cx="720000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4cm</a:t>
            </a:r>
            <a:endParaRPr lang="zh-TW" altLang="en-US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86" name="矩形 85">
            <a:extLst>
              <a:ext uri="{FF2B5EF4-FFF2-40B4-BE49-F238E27FC236}">
                <a16:creationId xmlns:a16="http://schemas.microsoft.com/office/drawing/2014/main" id="{FABF2818-52AE-44E5-B608-B89E7E93DE9A}"/>
              </a:ext>
            </a:extLst>
          </p:cNvPr>
          <p:cNvSpPr/>
          <p:nvPr/>
        </p:nvSpPr>
        <p:spPr>
          <a:xfrm>
            <a:off x="7396422" y="4160797"/>
            <a:ext cx="247061" cy="1926365"/>
          </a:xfrm>
          <a:custGeom>
            <a:avLst/>
            <a:gdLst>
              <a:gd name="connsiteX0" fmla="*/ 0 w 576000"/>
              <a:gd name="connsiteY0" fmla="*/ 0 h 1440000"/>
              <a:gd name="connsiteX1" fmla="*/ 576000 w 576000"/>
              <a:gd name="connsiteY1" fmla="*/ 0 h 1440000"/>
              <a:gd name="connsiteX2" fmla="*/ 576000 w 576000"/>
              <a:gd name="connsiteY2" fmla="*/ 1440000 h 1440000"/>
              <a:gd name="connsiteX3" fmla="*/ 0 w 576000"/>
              <a:gd name="connsiteY3" fmla="*/ 1440000 h 1440000"/>
              <a:gd name="connsiteX4" fmla="*/ 0 w 576000"/>
              <a:gd name="connsiteY4" fmla="*/ 0 h 1440000"/>
              <a:gd name="connsiteX0" fmla="*/ 0 w 576000"/>
              <a:gd name="connsiteY0" fmla="*/ 495300 h 1935300"/>
              <a:gd name="connsiteX1" fmla="*/ 242625 w 576000"/>
              <a:gd name="connsiteY1" fmla="*/ 0 h 1935300"/>
              <a:gd name="connsiteX2" fmla="*/ 576000 w 576000"/>
              <a:gd name="connsiteY2" fmla="*/ 1935300 h 1935300"/>
              <a:gd name="connsiteX3" fmla="*/ 0 w 576000"/>
              <a:gd name="connsiteY3" fmla="*/ 1935300 h 1935300"/>
              <a:gd name="connsiteX4" fmla="*/ 0 w 576000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9242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3527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309300"/>
              <a:gd name="connsiteY0" fmla="*/ 495300 h 1935300"/>
              <a:gd name="connsiteX1" fmla="*/ 242625 w 309300"/>
              <a:gd name="connsiteY1" fmla="*/ 0 h 1935300"/>
              <a:gd name="connsiteX2" fmla="*/ 309300 w 309300"/>
              <a:gd name="connsiteY2" fmla="*/ 1678125 h 1935300"/>
              <a:gd name="connsiteX3" fmla="*/ 0 w 309300"/>
              <a:gd name="connsiteY3" fmla="*/ 1935300 h 1935300"/>
              <a:gd name="connsiteX4" fmla="*/ 0 w 309300"/>
              <a:gd name="connsiteY4" fmla="*/ 495300 h 1935300"/>
              <a:gd name="connsiteX0" fmla="*/ 0 w 252150"/>
              <a:gd name="connsiteY0" fmla="*/ 495300 h 1935300"/>
              <a:gd name="connsiteX1" fmla="*/ 242625 w 252150"/>
              <a:gd name="connsiteY1" fmla="*/ 0 h 1935300"/>
              <a:gd name="connsiteX2" fmla="*/ 252150 w 252150"/>
              <a:gd name="connsiteY2" fmla="*/ 1687650 h 1935300"/>
              <a:gd name="connsiteX3" fmla="*/ 0 w 252150"/>
              <a:gd name="connsiteY3" fmla="*/ 1935300 h 1935300"/>
              <a:gd name="connsiteX4" fmla="*/ 0 w 252150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23575 w 242625"/>
              <a:gd name="connsiteY2" fmla="*/ 148762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33100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185475 w 242625"/>
              <a:gd name="connsiteY2" fmla="*/ 1459050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42625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5604"/>
              <a:gd name="connsiteY0" fmla="*/ 486365 h 1926365"/>
              <a:gd name="connsiteX1" fmla="*/ 245604 w 245604"/>
              <a:gd name="connsiteY1" fmla="*/ 0 h 1926365"/>
              <a:gd name="connsiteX2" fmla="*/ 242625 w 245604"/>
              <a:gd name="connsiteY2" fmla="*/ 1459640 h 1926365"/>
              <a:gd name="connsiteX3" fmla="*/ 0 w 245604"/>
              <a:gd name="connsiteY3" fmla="*/ 1926365 h 1926365"/>
              <a:gd name="connsiteX4" fmla="*/ 0 w 245604"/>
              <a:gd name="connsiteY4" fmla="*/ 486365 h 1926365"/>
              <a:gd name="connsiteX0" fmla="*/ 0 w 248583"/>
              <a:gd name="connsiteY0" fmla="*/ 486365 h 1926365"/>
              <a:gd name="connsiteX1" fmla="*/ 248583 w 248583"/>
              <a:gd name="connsiteY1" fmla="*/ 0 h 1926365"/>
              <a:gd name="connsiteX2" fmla="*/ 242625 w 248583"/>
              <a:gd name="connsiteY2" fmla="*/ 1459640 h 1926365"/>
              <a:gd name="connsiteX3" fmla="*/ 0 w 248583"/>
              <a:gd name="connsiteY3" fmla="*/ 1926365 h 1926365"/>
              <a:gd name="connsiteX4" fmla="*/ 0 w 248583"/>
              <a:gd name="connsiteY4" fmla="*/ 486365 h 1926365"/>
              <a:gd name="connsiteX0" fmla="*/ 0 w 242626"/>
              <a:gd name="connsiteY0" fmla="*/ 486365 h 1926365"/>
              <a:gd name="connsiteX1" fmla="*/ 242626 w 242626"/>
              <a:gd name="connsiteY1" fmla="*/ 0 h 1926365"/>
              <a:gd name="connsiteX2" fmla="*/ 242625 w 242626"/>
              <a:gd name="connsiteY2" fmla="*/ 1459640 h 1926365"/>
              <a:gd name="connsiteX3" fmla="*/ 0 w 242626"/>
              <a:gd name="connsiteY3" fmla="*/ 1926365 h 1926365"/>
              <a:gd name="connsiteX4" fmla="*/ 0 w 242626"/>
              <a:gd name="connsiteY4" fmla="*/ 486365 h 192636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42626" h="1926365">
                <a:moveTo>
                  <a:pt x="0" y="486365"/>
                </a:moveTo>
                <a:lnTo>
                  <a:pt x="242626" y="0"/>
                </a:lnTo>
                <a:cubicBezTo>
                  <a:pt x="242626" y="486547"/>
                  <a:pt x="242625" y="973093"/>
                  <a:pt x="242625" y="1459640"/>
                </a:cubicBezTo>
                <a:lnTo>
                  <a:pt x="0" y="1926365"/>
                </a:lnTo>
                <a:lnTo>
                  <a:pt x="0" y="486365"/>
                </a:lnTo>
                <a:close/>
              </a:path>
            </a:pathLst>
          </a:custGeom>
          <a:solidFill>
            <a:srgbClr val="D5B8EA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6" name="矩形 105">
            <a:extLst>
              <a:ext uri="{FF2B5EF4-FFF2-40B4-BE49-F238E27FC236}">
                <a16:creationId xmlns:a16="http://schemas.microsoft.com/office/drawing/2014/main" id="{ED476424-186B-4897-8A60-40E333CAEEC8}"/>
              </a:ext>
            </a:extLst>
          </p:cNvPr>
          <p:cNvSpPr/>
          <p:nvPr/>
        </p:nvSpPr>
        <p:spPr>
          <a:xfrm>
            <a:off x="6808376" y="1075356"/>
            <a:ext cx="576000" cy="1440000"/>
          </a:xfrm>
          <a:prstGeom prst="rect">
            <a:avLst/>
          </a:prstGeom>
          <a:solidFill>
            <a:srgbClr val="D5B8EA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8" name="矩形 85">
            <a:extLst>
              <a:ext uri="{FF2B5EF4-FFF2-40B4-BE49-F238E27FC236}">
                <a16:creationId xmlns:a16="http://schemas.microsoft.com/office/drawing/2014/main" id="{33AD85C7-5744-4FC2-9711-C381CC4E0F91}"/>
              </a:ext>
            </a:extLst>
          </p:cNvPr>
          <p:cNvSpPr/>
          <p:nvPr/>
        </p:nvSpPr>
        <p:spPr>
          <a:xfrm>
            <a:off x="6678422" y="4165628"/>
            <a:ext cx="247061" cy="1926365"/>
          </a:xfrm>
          <a:custGeom>
            <a:avLst/>
            <a:gdLst>
              <a:gd name="connsiteX0" fmla="*/ 0 w 576000"/>
              <a:gd name="connsiteY0" fmla="*/ 0 h 1440000"/>
              <a:gd name="connsiteX1" fmla="*/ 576000 w 576000"/>
              <a:gd name="connsiteY1" fmla="*/ 0 h 1440000"/>
              <a:gd name="connsiteX2" fmla="*/ 576000 w 576000"/>
              <a:gd name="connsiteY2" fmla="*/ 1440000 h 1440000"/>
              <a:gd name="connsiteX3" fmla="*/ 0 w 576000"/>
              <a:gd name="connsiteY3" fmla="*/ 1440000 h 1440000"/>
              <a:gd name="connsiteX4" fmla="*/ 0 w 576000"/>
              <a:gd name="connsiteY4" fmla="*/ 0 h 1440000"/>
              <a:gd name="connsiteX0" fmla="*/ 0 w 576000"/>
              <a:gd name="connsiteY0" fmla="*/ 495300 h 1935300"/>
              <a:gd name="connsiteX1" fmla="*/ 242625 w 576000"/>
              <a:gd name="connsiteY1" fmla="*/ 0 h 1935300"/>
              <a:gd name="connsiteX2" fmla="*/ 576000 w 576000"/>
              <a:gd name="connsiteY2" fmla="*/ 1935300 h 1935300"/>
              <a:gd name="connsiteX3" fmla="*/ 0 w 576000"/>
              <a:gd name="connsiteY3" fmla="*/ 1935300 h 1935300"/>
              <a:gd name="connsiteX4" fmla="*/ 0 w 576000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9242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3527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309300"/>
              <a:gd name="connsiteY0" fmla="*/ 495300 h 1935300"/>
              <a:gd name="connsiteX1" fmla="*/ 242625 w 309300"/>
              <a:gd name="connsiteY1" fmla="*/ 0 h 1935300"/>
              <a:gd name="connsiteX2" fmla="*/ 309300 w 309300"/>
              <a:gd name="connsiteY2" fmla="*/ 1678125 h 1935300"/>
              <a:gd name="connsiteX3" fmla="*/ 0 w 309300"/>
              <a:gd name="connsiteY3" fmla="*/ 1935300 h 1935300"/>
              <a:gd name="connsiteX4" fmla="*/ 0 w 309300"/>
              <a:gd name="connsiteY4" fmla="*/ 495300 h 1935300"/>
              <a:gd name="connsiteX0" fmla="*/ 0 w 252150"/>
              <a:gd name="connsiteY0" fmla="*/ 495300 h 1935300"/>
              <a:gd name="connsiteX1" fmla="*/ 242625 w 252150"/>
              <a:gd name="connsiteY1" fmla="*/ 0 h 1935300"/>
              <a:gd name="connsiteX2" fmla="*/ 252150 w 252150"/>
              <a:gd name="connsiteY2" fmla="*/ 1687650 h 1935300"/>
              <a:gd name="connsiteX3" fmla="*/ 0 w 252150"/>
              <a:gd name="connsiteY3" fmla="*/ 1935300 h 1935300"/>
              <a:gd name="connsiteX4" fmla="*/ 0 w 252150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23575 w 242625"/>
              <a:gd name="connsiteY2" fmla="*/ 148762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33100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185475 w 242625"/>
              <a:gd name="connsiteY2" fmla="*/ 1459050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42625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5604"/>
              <a:gd name="connsiteY0" fmla="*/ 486365 h 1926365"/>
              <a:gd name="connsiteX1" fmla="*/ 245604 w 245604"/>
              <a:gd name="connsiteY1" fmla="*/ 0 h 1926365"/>
              <a:gd name="connsiteX2" fmla="*/ 242625 w 245604"/>
              <a:gd name="connsiteY2" fmla="*/ 1459640 h 1926365"/>
              <a:gd name="connsiteX3" fmla="*/ 0 w 245604"/>
              <a:gd name="connsiteY3" fmla="*/ 1926365 h 1926365"/>
              <a:gd name="connsiteX4" fmla="*/ 0 w 245604"/>
              <a:gd name="connsiteY4" fmla="*/ 486365 h 1926365"/>
              <a:gd name="connsiteX0" fmla="*/ 0 w 248583"/>
              <a:gd name="connsiteY0" fmla="*/ 486365 h 1926365"/>
              <a:gd name="connsiteX1" fmla="*/ 248583 w 248583"/>
              <a:gd name="connsiteY1" fmla="*/ 0 h 1926365"/>
              <a:gd name="connsiteX2" fmla="*/ 242625 w 248583"/>
              <a:gd name="connsiteY2" fmla="*/ 1459640 h 1926365"/>
              <a:gd name="connsiteX3" fmla="*/ 0 w 248583"/>
              <a:gd name="connsiteY3" fmla="*/ 1926365 h 1926365"/>
              <a:gd name="connsiteX4" fmla="*/ 0 w 248583"/>
              <a:gd name="connsiteY4" fmla="*/ 486365 h 1926365"/>
              <a:gd name="connsiteX0" fmla="*/ 0 w 242626"/>
              <a:gd name="connsiteY0" fmla="*/ 486365 h 1926365"/>
              <a:gd name="connsiteX1" fmla="*/ 242626 w 242626"/>
              <a:gd name="connsiteY1" fmla="*/ 0 h 1926365"/>
              <a:gd name="connsiteX2" fmla="*/ 242625 w 242626"/>
              <a:gd name="connsiteY2" fmla="*/ 1459640 h 1926365"/>
              <a:gd name="connsiteX3" fmla="*/ 0 w 242626"/>
              <a:gd name="connsiteY3" fmla="*/ 1926365 h 1926365"/>
              <a:gd name="connsiteX4" fmla="*/ 0 w 242626"/>
              <a:gd name="connsiteY4" fmla="*/ 486365 h 192636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42626" h="1926365">
                <a:moveTo>
                  <a:pt x="0" y="486365"/>
                </a:moveTo>
                <a:lnTo>
                  <a:pt x="242626" y="0"/>
                </a:lnTo>
                <a:cubicBezTo>
                  <a:pt x="242626" y="486547"/>
                  <a:pt x="242625" y="973093"/>
                  <a:pt x="242625" y="1459640"/>
                </a:cubicBezTo>
                <a:lnTo>
                  <a:pt x="0" y="1926365"/>
                </a:lnTo>
                <a:lnTo>
                  <a:pt x="0" y="486365"/>
                </a:lnTo>
                <a:close/>
              </a:path>
            </a:pathLst>
          </a:custGeom>
          <a:solidFill>
            <a:srgbClr val="D5B8EA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5" name="矩形 104">
            <a:extLst>
              <a:ext uri="{FF2B5EF4-FFF2-40B4-BE49-F238E27FC236}">
                <a16:creationId xmlns:a16="http://schemas.microsoft.com/office/drawing/2014/main" id="{BE54A68C-5ADB-4CB9-958D-239BC2F1697E}"/>
              </a:ext>
            </a:extLst>
          </p:cNvPr>
          <p:cNvSpPr/>
          <p:nvPr/>
        </p:nvSpPr>
        <p:spPr>
          <a:xfrm>
            <a:off x="4661317" y="1083156"/>
            <a:ext cx="720000" cy="144000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7" name="矩形 86">
            <a:extLst>
              <a:ext uri="{FF2B5EF4-FFF2-40B4-BE49-F238E27FC236}">
                <a16:creationId xmlns:a16="http://schemas.microsoft.com/office/drawing/2014/main" id="{986CFEBC-5423-400E-8DD7-8F28BA768A9F}"/>
              </a:ext>
            </a:extLst>
          </p:cNvPr>
          <p:cNvSpPr/>
          <p:nvPr/>
        </p:nvSpPr>
        <p:spPr>
          <a:xfrm>
            <a:off x="6680226" y="4154993"/>
            <a:ext cx="967061" cy="483139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7061" h="483139">
                <a:moveTo>
                  <a:pt x="250039" y="0"/>
                </a:moveTo>
                <a:lnTo>
                  <a:pt x="967061" y="4189"/>
                </a:lnTo>
                <a:lnTo>
                  <a:pt x="720000" y="483139"/>
                </a:lnTo>
                <a:lnTo>
                  <a:pt x="0" y="483139"/>
                </a:lnTo>
                <a:lnTo>
                  <a:pt x="250039" y="0"/>
                </a:lnTo>
                <a:close/>
              </a:path>
            </a:pathLst>
          </a:custGeom>
          <a:solidFill>
            <a:schemeClr val="accent4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40" name="组合 39">
            <a:extLst>
              <a:ext uri="{FF2B5EF4-FFF2-40B4-BE49-F238E27FC236}">
                <a16:creationId xmlns:a16="http://schemas.microsoft.com/office/drawing/2014/main" id="{D816C50A-A4A1-4E95-9728-9D8CA8E4E1F6}"/>
              </a:ext>
            </a:extLst>
          </p:cNvPr>
          <p:cNvGrpSpPr/>
          <p:nvPr/>
        </p:nvGrpSpPr>
        <p:grpSpPr>
          <a:xfrm>
            <a:off x="3945485" y="1083435"/>
            <a:ext cx="1429365" cy="1782540"/>
            <a:chOff x="1741852" y="1270564"/>
            <a:chExt cx="1429365" cy="1782540"/>
          </a:xfrm>
        </p:grpSpPr>
        <p:sp>
          <p:nvSpPr>
            <p:cNvPr id="43" name="矩形 42">
              <a:extLst>
                <a:ext uri="{FF2B5EF4-FFF2-40B4-BE49-F238E27FC236}">
                  <a16:creationId xmlns:a16="http://schemas.microsoft.com/office/drawing/2014/main" id="{A044FA35-A947-4A90-BA57-E97E6CF7B5C9}"/>
                </a:ext>
              </a:extLst>
            </p:cNvPr>
            <p:cNvSpPr/>
            <p:nvPr/>
          </p:nvSpPr>
          <p:spPr>
            <a:xfrm>
              <a:off x="2451217" y="1270564"/>
              <a:ext cx="720000" cy="1440000"/>
            </a:xfrm>
            <a:prstGeom prst="rect">
              <a:avLst/>
            </a:prstGeom>
            <a:solidFill>
              <a:srgbClr val="FDFDFD"/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46" name="Text Box 50">
              <a:extLst>
                <a:ext uri="{FF2B5EF4-FFF2-40B4-BE49-F238E27FC236}">
                  <a16:creationId xmlns:a16="http://schemas.microsoft.com/office/drawing/2014/main" id="{CB2A1884-C1EA-4A17-A0FC-ECEB2AA8DEA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41852" y="2042594"/>
              <a:ext cx="757336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10cm</a:t>
              </a:r>
            </a:p>
          </p:txBody>
        </p:sp>
        <p:sp>
          <p:nvSpPr>
            <p:cNvPr id="48" name="Text Box 50">
              <a:extLst>
                <a:ext uri="{FF2B5EF4-FFF2-40B4-BE49-F238E27FC236}">
                  <a16:creationId xmlns:a16="http://schemas.microsoft.com/office/drawing/2014/main" id="{22664FCA-4756-4104-AD33-72ED1C42DD0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81408" y="2683772"/>
              <a:ext cx="644588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5cm</a:t>
              </a:r>
            </a:p>
          </p:txBody>
        </p:sp>
      </p:grpSp>
      <p:grpSp>
        <p:nvGrpSpPr>
          <p:cNvPr id="49" name="组合 48">
            <a:extLst>
              <a:ext uri="{FF2B5EF4-FFF2-40B4-BE49-F238E27FC236}">
                <a16:creationId xmlns:a16="http://schemas.microsoft.com/office/drawing/2014/main" id="{6BD4E52A-C806-4FAA-B9BC-C4A467EB9A4D}"/>
              </a:ext>
            </a:extLst>
          </p:cNvPr>
          <p:cNvGrpSpPr/>
          <p:nvPr/>
        </p:nvGrpSpPr>
        <p:grpSpPr>
          <a:xfrm>
            <a:off x="6093180" y="1091149"/>
            <a:ext cx="1305514" cy="1797732"/>
            <a:chOff x="1741852" y="1270564"/>
            <a:chExt cx="1305514" cy="1797732"/>
          </a:xfrm>
        </p:grpSpPr>
        <p:sp>
          <p:nvSpPr>
            <p:cNvPr id="51" name="矩形 50">
              <a:extLst>
                <a:ext uri="{FF2B5EF4-FFF2-40B4-BE49-F238E27FC236}">
                  <a16:creationId xmlns:a16="http://schemas.microsoft.com/office/drawing/2014/main" id="{3CD6045B-C1FC-4E95-95AF-7E88896DCB8A}"/>
                </a:ext>
              </a:extLst>
            </p:cNvPr>
            <p:cNvSpPr/>
            <p:nvPr/>
          </p:nvSpPr>
          <p:spPr>
            <a:xfrm>
              <a:off x="2451217" y="1270564"/>
              <a:ext cx="576000" cy="1440000"/>
            </a:xfrm>
            <a:prstGeom prst="rect">
              <a:avLst/>
            </a:prstGeom>
            <a:solidFill>
              <a:srgbClr val="FDFDFD"/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52" name="Text Box 50">
              <a:extLst>
                <a:ext uri="{FF2B5EF4-FFF2-40B4-BE49-F238E27FC236}">
                  <a16:creationId xmlns:a16="http://schemas.microsoft.com/office/drawing/2014/main" id="{086F83C6-84EF-4527-A4F7-9F0ECFE8F21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41852" y="2042594"/>
              <a:ext cx="757336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10cm</a:t>
              </a:r>
            </a:p>
          </p:txBody>
        </p:sp>
        <p:sp>
          <p:nvSpPr>
            <p:cNvPr id="53" name="Text Box 50">
              <a:extLst>
                <a:ext uri="{FF2B5EF4-FFF2-40B4-BE49-F238E27FC236}">
                  <a16:creationId xmlns:a16="http://schemas.microsoft.com/office/drawing/2014/main" id="{0239808D-0533-4852-80A6-C925075D8D6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02778" y="2698964"/>
              <a:ext cx="644588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4cm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2699575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0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73 0.00116 L 0.43386 0.5551 L 0.43386 0.55556 " pathEditMode="relative" rAng="0" ptsTypes="AAA">
                                      <p:cBhvr>
                                        <p:cTn id="11" dur="2000" fill="hold"/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1771" y="2770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xit" presetSubtype="1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14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500"/>
                            </p:stCondLst>
                            <p:childTnLst>
                              <p:par>
                                <p:cTn id="1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10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10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0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7 -0.0007 L 0.24705 0.45092 " pathEditMode="relative" rAng="0" ptsTypes="AA">
                                      <p:cBhvr>
                                        <p:cTn id="30" dur="20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309" y="22569"/>
                                    </p:animMotion>
                                  </p:childTnLst>
                                </p:cTn>
                              </p:par>
                              <p:par>
                                <p:cTn id="31" presetID="0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937 -0.01273 L 0.22066 0.51945 " pathEditMode="relative" rAng="0" ptsTypes="AA">
                                      <p:cBhvr>
                                        <p:cTn id="32" dur="2000" fill="hold"/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1493" y="2659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0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0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11111E-6 -4.44444E-6 L -0.0507 0.45 " pathEditMode="relative" rAng="0" ptsTypes="AA">
                                      <p:cBhvr>
                                        <p:cTn id="40" dur="20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535" y="22130"/>
                                    </p:animMotion>
                                  </p:childTnLst>
                                </p:cTn>
                              </p:par>
                              <p:par>
                                <p:cTn id="41" presetID="0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66667E-6 0.00232 L 0.09149 0.45255 L 0.09149 0.45301 L 0.09149 0.45255 " pathEditMode="relative" rAng="0" ptsTypes="AAAA">
                                      <p:cBhvr>
                                        <p:cTn id="42" dur="2000" fill="hold"/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566" y="2252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000"/>
                            </p:stCondLst>
                            <p:childTnLst>
                              <p:par>
                                <p:cTn id="44" presetID="22" presetClass="exit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left)">
                                      <p:cBhvr>
                                        <p:cTn id="45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22" presetClass="exit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48" dur="5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2" dur="10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2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10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0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347 -0.00023 L 0.46129 0.27686 " pathEditMode="relative" rAng="0" ptsTypes="AA">
                                      <p:cBhvr>
                                        <p:cTn id="59" dur="2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3229" y="1384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2000"/>
                            </p:stCondLst>
                            <p:childTnLst>
                              <p:par>
                                <p:cTn id="61" presetID="22" presetClass="exit" presetSubtype="1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6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6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6" grpId="0" animBg="1"/>
      <p:bldP spid="56" grpId="1" animBg="1"/>
      <p:bldP spid="104" grpId="0" animBg="1"/>
      <p:bldP spid="104" grpId="1" animBg="1"/>
      <p:bldP spid="50" grpId="0" animBg="1"/>
      <p:bldP spid="107" grpId="0" animBg="1"/>
      <p:bldP spid="57" grpId="0" animBg="1"/>
      <p:bldP spid="58" grpId="0" animBg="1"/>
      <p:bldP spid="58" grpId="1" animBg="1"/>
      <p:bldP spid="74" grpId="0"/>
      <p:bldP spid="76" grpId="0"/>
      <p:bldP spid="77" grpId="0"/>
      <p:bldP spid="86" grpId="0" animBg="1"/>
      <p:bldP spid="106" grpId="0" animBg="1"/>
      <p:bldP spid="106" grpId="1" animBg="1"/>
      <p:bldP spid="108" grpId="0" animBg="1"/>
      <p:bldP spid="105" grpId="0" animBg="1"/>
      <p:bldP spid="87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文本框 38">
            <a:extLst>
              <a:ext uri="{FF2B5EF4-FFF2-40B4-BE49-F238E27FC236}">
                <a16:creationId xmlns:a16="http://schemas.microsoft.com/office/drawing/2014/main" id="{E74B1FF7-691B-4971-B79A-3C3C6C26CE14}"/>
              </a:ext>
            </a:extLst>
          </p:cNvPr>
          <p:cNvSpPr txBox="1"/>
          <p:nvPr/>
        </p:nvSpPr>
        <p:spPr>
          <a:xfrm>
            <a:off x="927950" y="3411401"/>
            <a:ext cx="7968400" cy="6083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dirty="0">
                <a:ea typeface="DFKai-SB" panose="03000509000000000000" pitchFamily="65" charset="-120"/>
              </a:rPr>
              <a:t>以上是長方體的六個面，它的體積是</a:t>
            </a:r>
            <a:r>
              <a:rPr lang="en-US" altLang="zh-CN" sz="2800" dirty="0">
                <a:ea typeface="DFKai-SB" panose="03000509000000000000" pitchFamily="65" charset="-120"/>
              </a:rPr>
              <a:t>_______cm³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5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47" name="Text Box 9">
            <a:extLst>
              <a:ext uri="{FF2B5EF4-FFF2-40B4-BE49-F238E27FC236}">
                <a16:creationId xmlns:a16="http://schemas.microsoft.com/office/drawing/2014/main" id="{ECFA51D4-B5CC-42EF-B3C4-183DC17037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27149" y="4058804"/>
            <a:ext cx="2587151" cy="172579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4400"/>
              </a:lnSpc>
            </a:pP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它的體積是：</a:t>
            </a:r>
            <a:endParaRPr lang="en-US" altLang="zh-CN" sz="2800" dirty="0">
              <a:solidFill>
                <a:srgbClr val="0000E1"/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    5 × 4 × 10</a:t>
            </a: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 = 200(cm³) </a:t>
            </a:r>
            <a:endParaRPr lang="zh-TW" altLang="en-US" sz="28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55" name="Text Box 9">
            <a:extLst>
              <a:ext uri="{FF2B5EF4-FFF2-40B4-BE49-F238E27FC236}">
                <a16:creationId xmlns:a16="http://schemas.microsoft.com/office/drawing/2014/main" id="{3014B60F-D9FA-416C-9B88-2FC860F7A8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00197" y="3472642"/>
            <a:ext cx="919424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200</a:t>
            </a:r>
            <a:endParaRPr lang="zh-TW" altLang="en-US" sz="2800" dirty="0">
              <a:solidFill>
                <a:srgbClr val="FF0000"/>
              </a:solidFill>
              <a:latin typeface="+mn-lt"/>
              <a:ea typeface="DFKai-SB" panose="03000509000000000000" pitchFamily="65" charset="-120"/>
            </a:endParaRPr>
          </a:p>
        </p:txBody>
      </p:sp>
      <p:graphicFrame>
        <p:nvGraphicFramePr>
          <p:cNvPr id="6" name="表格 6">
            <a:extLst>
              <a:ext uri="{FF2B5EF4-FFF2-40B4-BE49-F238E27FC236}">
                <a16:creationId xmlns:a16="http://schemas.microsoft.com/office/drawing/2014/main" id="{8514B449-B272-4BE7-9F3B-5BB5ABFF544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10356048"/>
              </p:ext>
            </p:extLst>
          </p:nvPr>
        </p:nvGraphicFramePr>
        <p:xfrm>
          <a:off x="1074402" y="1020011"/>
          <a:ext cx="6867524" cy="2437535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956245">
                  <a:extLst>
                    <a:ext uri="{9D8B030D-6E8A-4147-A177-3AD203B41FA5}">
                      <a16:colId xmlns:a16="http://schemas.microsoft.com/office/drawing/2014/main" val="1827849254"/>
                    </a:ext>
                  </a:extLst>
                </a:gridCol>
                <a:gridCol w="1950804">
                  <a:extLst>
                    <a:ext uri="{9D8B030D-6E8A-4147-A177-3AD203B41FA5}">
                      <a16:colId xmlns:a16="http://schemas.microsoft.com/office/drawing/2014/main" val="2564597075"/>
                    </a:ext>
                  </a:extLst>
                </a:gridCol>
                <a:gridCol w="1981200">
                  <a:extLst>
                    <a:ext uri="{9D8B030D-6E8A-4147-A177-3AD203B41FA5}">
                      <a16:colId xmlns:a16="http://schemas.microsoft.com/office/drawing/2014/main" val="2626250789"/>
                    </a:ext>
                  </a:extLst>
                </a:gridCol>
                <a:gridCol w="1979275">
                  <a:extLst>
                    <a:ext uri="{9D8B030D-6E8A-4147-A177-3AD203B41FA5}">
                      <a16:colId xmlns:a16="http://schemas.microsoft.com/office/drawing/2014/main" val="2522773657"/>
                    </a:ext>
                  </a:extLst>
                </a:gridCol>
              </a:tblGrid>
              <a:tr h="1818439">
                <a:tc>
                  <a:txBody>
                    <a:bodyPr/>
                    <a:lstStyle/>
                    <a:p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形狀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zh-CN" alt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zh-CN" alt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zh-CN" alt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36706715"/>
                  </a:ext>
                </a:extLst>
              </a:tr>
              <a:tr h="619096">
                <a:tc>
                  <a:txBody>
                    <a:bodyPr/>
                    <a:lstStyle/>
                    <a:p>
                      <a:pPr algn="ctr" fontAlgn="ctr">
                        <a:lnSpc>
                          <a:spcPts val="2400"/>
                        </a:lnSpc>
                        <a:spcBef>
                          <a:spcPts val="0"/>
                        </a:spcBef>
                      </a:pPr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數量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ts val="2400"/>
                        </a:lnSpc>
                        <a:spcBef>
                          <a:spcPts val="0"/>
                        </a:spcBef>
                      </a:pPr>
                      <a:r>
                        <a:rPr lang="en-US" altLang="zh-CN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2</a:t>
                      </a:r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個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ts val="24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altLang="zh-CN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2</a:t>
                      </a:r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個</a:t>
                      </a:r>
                      <a:endParaRPr lang="zh-CN" altLang="en-US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ts val="24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altLang="zh-CN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2</a:t>
                      </a:r>
                      <a:r>
                        <a:rPr lang="zh-CN" altLang="en-US" sz="2800" kern="1200" dirty="0">
                          <a:solidFill>
                            <a:schemeClr val="tx1"/>
                          </a:solidFill>
                          <a:latin typeface="+mn-lt"/>
                          <a:ea typeface="DFKai-SB" panose="03000509000000000000" pitchFamily="65" charset="-120"/>
                          <a:cs typeface="+mn-cs"/>
                        </a:rPr>
                        <a:t>個</a:t>
                      </a:r>
                      <a:endParaRPr lang="zh-CN" altLang="en-US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691865929"/>
                  </a:ext>
                </a:extLst>
              </a:tr>
            </a:tbl>
          </a:graphicData>
        </a:graphic>
      </p:graphicFrame>
      <p:grpSp>
        <p:nvGrpSpPr>
          <p:cNvPr id="9" name="组合 8">
            <a:extLst>
              <a:ext uri="{FF2B5EF4-FFF2-40B4-BE49-F238E27FC236}">
                <a16:creationId xmlns:a16="http://schemas.microsoft.com/office/drawing/2014/main" id="{F957BB26-BE58-4280-A7E7-D95AC21DF5CA}"/>
              </a:ext>
            </a:extLst>
          </p:cNvPr>
          <p:cNvGrpSpPr/>
          <p:nvPr/>
        </p:nvGrpSpPr>
        <p:grpSpPr>
          <a:xfrm>
            <a:off x="2133667" y="1687144"/>
            <a:ext cx="1301659" cy="922939"/>
            <a:chOff x="1857375" y="1514028"/>
            <a:chExt cx="1301659" cy="922939"/>
          </a:xfrm>
        </p:grpSpPr>
        <p:sp>
          <p:nvSpPr>
            <p:cNvPr id="8" name="矩形 7">
              <a:extLst>
                <a:ext uri="{FF2B5EF4-FFF2-40B4-BE49-F238E27FC236}">
                  <a16:creationId xmlns:a16="http://schemas.microsoft.com/office/drawing/2014/main" id="{36AF6B4A-0DE3-4734-8DD5-9E03F2A68BEE}"/>
                </a:ext>
              </a:extLst>
            </p:cNvPr>
            <p:cNvSpPr/>
            <p:nvPr/>
          </p:nvSpPr>
          <p:spPr>
            <a:xfrm>
              <a:off x="2439034" y="1514028"/>
              <a:ext cx="720000" cy="576000"/>
            </a:xfrm>
            <a:prstGeom prst="rect">
              <a:avLst/>
            </a:prstGeom>
            <a:no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37" name="Text Box 50">
              <a:extLst>
                <a:ext uri="{FF2B5EF4-FFF2-40B4-BE49-F238E27FC236}">
                  <a16:creationId xmlns:a16="http://schemas.microsoft.com/office/drawing/2014/main" id="{8F45BC35-BB63-4C4D-9E82-BB59B1D9A34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57375" y="1723162"/>
              <a:ext cx="644588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4cm</a:t>
              </a:r>
            </a:p>
          </p:txBody>
        </p:sp>
        <p:sp>
          <p:nvSpPr>
            <p:cNvPr id="38" name="Text Box 50">
              <a:extLst>
                <a:ext uri="{FF2B5EF4-FFF2-40B4-BE49-F238E27FC236}">
                  <a16:creationId xmlns:a16="http://schemas.microsoft.com/office/drawing/2014/main" id="{00FDACDB-59FE-43DF-88A2-1D59F1A2984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6670" y="2067635"/>
              <a:ext cx="644588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5cm</a:t>
              </a:r>
            </a:p>
          </p:txBody>
        </p:sp>
      </p:grpSp>
      <p:grpSp>
        <p:nvGrpSpPr>
          <p:cNvPr id="40" name="组合 39">
            <a:extLst>
              <a:ext uri="{FF2B5EF4-FFF2-40B4-BE49-F238E27FC236}">
                <a16:creationId xmlns:a16="http://schemas.microsoft.com/office/drawing/2014/main" id="{D816C50A-A4A1-4E95-9728-9D8CA8E4E1F6}"/>
              </a:ext>
            </a:extLst>
          </p:cNvPr>
          <p:cNvGrpSpPr/>
          <p:nvPr/>
        </p:nvGrpSpPr>
        <p:grpSpPr>
          <a:xfrm>
            <a:off x="3947886" y="1081578"/>
            <a:ext cx="1429365" cy="1782540"/>
            <a:chOff x="1741852" y="1270564"/>
            <a:chExt cx="1429365" cy="1782540"/>
          </a:xfrm>
        </p:grpSpPr>
        <p:sp>
          <p:nvSpPr>
            <p:cNvPr id="43" name="矩形 42">
              <a:extLst>
                <a:ext uri="{FF2B5EF4-FFF2-40B4-BE49-F238E27FC236}">
                  <a16:creationId xmlns:a16="http://schemas.microsoft.com/office/drawing/2014/main" id="{A044FA35-A947-4A90-BA57-E97E6CF7B5C9}"/>
                </a:ext>
              </a:extLst>
            </p:cNvPr>
            <p:cNvSpPr/>
            <p:nvPr/>
          </p:nvSpPr>
          <p:spPr>
            <a:xfrm>
              <a:off x="2451217" y="1270564"/>
              <a:ext cx="720000" cy="1440000"/>
            </a:xfrm>
            <a:prstGeom prst="rect">
              <a:avLst/>
            </a:prstGeom>
            <a:no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46" name="Text Box 50">
              <a:extLst>
                <a:ext uri="{FF2B5EF4-FFF2-40B4-BE49-F238E27FC236}">
                  <a16:creationId xmlns:a16="http://schemas.microsoft.com/office/drawing/2014/main" id="{CB2A1884-C1EA-4A17-A0FC-ECEB2AA8DEA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41852" y="2042594"/>
              <a:ext cx="757336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10cm</a:t>
              </a:r>
            </a:p>
          </p:txBody>
        </p:sp>
        <p:sp>
          <p:nvSpPr>
            <p:cNvPr id="48" name="Text Box 50">
              <a:extLst>
                <a:ext uri="{FF2B5EF4-FFF2-40B4-BE49-F238E27FC236}">
                  <a16:creationId xmlns:a16="http://schemas.microsoft.com/office/drawing/2014/main" id="{22664FCA-4756-4104-AD33-72ED1C42DD0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81408" y="2683772"/>
              <a:ext cx="644588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5cm</a:t>
              </a:r>
            </a:p>
          </p:txBody>
        </p:sp>
      </p:grpSp>
      <p:grpSp>
        <p:nvGrpSpPr>
          <p:cNvPr id="49" name="组合 48">
            <a:extLst>
              <a:ext uri="{FF2B5EF4-FFF2-40B4-BE49-F238E27FC236}">
                <a16:creationId xmlns:a16="http://schemas.microsoft.com/office/drawing/2014/main" id="{6BD4E52A-C806-4FAA-B9BC-C4A467EB9A4D}"/>
              </a:ext>
            </a:extLst>
          </p:cNvPr>
          <p:cNvGrpSpPr/>
          <p:nvPr/>
        </p:nvGrpSpPr>
        <p:grpSpPr>
          <a:xfrm>
            <a:off x="6097862" y="1084318"/>
            <a:ext cx="1305514" cy="1797732"/>
            <a:chOff x="1741852" y="1270564"/>
            <a:chExt cx="1305514" cy="1797732"/>
          </a:xfrm>
        </p:grpSpPr>
        <p:sp>
          <p:nvSpPr>
            <p:cNvPr id="51" name="矩形 50">
              <a:extLst>
                <a:ext uri="{FF2B5EF4-FFF2-40B4-BE49-F238E27FC236}">
                  <a16:creationId xmlns:a16="http://schemas.microsoft.com/office/drawing/2014/main" id="{3CD6045B-C1FC-4E95-95AF-7E88896DCB8A}"/>
                </a:ext>
              </a:extLst>
            </p:cNvPr>
            <p:cNvSpPr/>
            <p:nvPr/>
          </p:nvSpPr>
          <p:spPr>
            <a:xfrm>
              <a:off x="2451217" y="1270564"/>
              <a:ext cx="576000" cy="1440000"/>
            </a:xfrm>
            <a:prstGeom prst="rect">
              <a:avLst/>
            </a:prstGeom>
            <a:noFill/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52" name="Text Box 50">
              <a:extLst>
                <a:ext uri="{FF2B5EF4-FFF2-40B4-BE49-F238E27FC236}">
                  <a16:creationId xmlns:a16="http://schemas.microsoft.com/office/drawing/2014/main" id="{086F83C6-84EF-4527-A4F7-9F0ECFE8F21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41852" y="2042594"/>
              <a:ext cx="757336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10cm</a:t>
              </a:r>
            </a:p>
          </p:txBody>
        </p:sp>
        <p:sp>
          <p:nvSpPr>
            <p:cNvPr id="53" name="Text Box 50">
              <a:extLst>
                <a:ext uri="{FF2B5EF4-FFF2-40B4-BE49-F238E27FC236}">
                  <a16:creationId xmlns:a16="http://schemas.microsoft.com/office/drawing/2014/main" id="{0239808D-0533-4852-80A6-C925075D8D6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02778" y="2698964"/>
              <a:ext cx="644588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dirty="0"/>
                <a:t>4cm</a:t>
              </a:r>
            </a:p>
          </p:txBody>
        </p:sp>
      </p:grpSp>
      <p:sp>
        <p:nvSpPr>
          <p:cNvPr id="36" name="矩形 86">
            <a:extLst>
              <a:ext uri="{FF2B5EF4-FFF2-40B4-BE49-F238E27FC236}">
                <a16:creationId xmlns:a16="http://schemas.microsoft.com/office/drawing/2014/main" id="{4CDFEBC6-ABAE-4C1E-B1E4-A0F3B3BB37F0}"/>
              </a:ext>
            </a:extLst>
          </p:cNvPr>
          <p:cNvSpPr/>
          <p:nvPr/>
        </p:nvSpPr>
        <p:spPr>
          <a:xfrm>
            <a:off x="6678421" y="5605128"/>
            <a:ext cx="967061" cy="483139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7061" h="483139">
                <a:moveTo>
                  <a:pt x="250039" y="0"/>
                </a:moveTo>
                <a:lnTo>
                  <a:pt x="967061" y="4189"/>
                </a:lnTo>
                <a:lnTo>
                  <a:pt x="720000" y="483139"/>
                </a:lnTo>
                <a:lnTo>
                  <a:pt x="0" y="483139"/>
                </a:lnTo>
                <a:lnTo>
                  <a:pt x="250039" y="0"/>
                </a:lnTo>
                <a:close/>
              </a:path>
            </a:pathLst>
          </a:custGeom>
          <a:solidFill>
            <a:schemeClr val="accent4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2" name="Text Box 9">
            <a:extLst>
              <a:ext uri="{FF2B5EF4-FFF2-40B4-BE49-F238E27FC236}">
                <a16:creationId xmlns:a16="http://schemas.microsoft.com/office/drawing/2014/main" id="{EA4952FE-EE02-465F-BEAC-98055905BFA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01453" y="5109018"/>
            <a:ext cx="757335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10cm</a:t>
            </a:r>
            <a:endParaRPr lang="zh-TW" altLang="en-US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4" name="Text Box 9">
            <a:extLst>
              <a:ext uri="{FF2B5EF4-FFF2-40B4-BE49-F238E27FC236}">
                <a16:creationId xmlns:a16="http://schemas.microsoft.com/office/drawing/2014/main" id="{9780C5D1-4991-4833-80B0-095AEC46FEA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723308" y="6026102"/>
            <a:ext cx="678029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5cm</a:t>
            </a:r>
            <a:endParaRPr lang="zh-TW" altLang="en-US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5" name="Text Box 9">
            <a:extLst>
              <a:ext uri="{FF2B5EF4-FFF2-40B4-BE49-F238E27FC236}">
                <a16:creationId xmlns:a16="http://schemas.microsoft.com/office/drawing/2014/main" id="{674CA636-8BE8-4CDD-9802-1DB76FC6298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459621" y="5726539"/>
            <a:ext cx="720000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4cm</a:t>
            </a:r>
            <a:endParaRPr lang="zh-TW" altLang="en-US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59" name="矩形 85">
            <a:extLst>
              <a:ext uri="{FF2B5EF4-FFF2-40B4-BE49-F238E27FC236}">
                <a16:creationId xmlns:a16="http://schemas.microsoft.com/office/drawing/2014/main" id="{538A765B-D0FB-438E-8909-B8F2ADA10E31}"/>
              </a:ext>
            </a:extLst>
          </p:cNvPr>
          <p:cNvSpPr/>
          <p:nvPr/>
        </p:nvSpPr>
        <p:spPr>
          <a:xfrm>
            <a:off x="7396422" y="4160797"/>
            <a:ext cx="247061" cy="1926365"/>
          </a:xfrm>
          <a:custGeom>
            <a:avLst/>
            <a:gdLst>
              <a:gd name="connsiteX0" fmla="*/ 0 w 576000"/>
              <a:gd name="connsiteY0" fmla="*/ 0 h 1440000"/>
              <a:gd name="connsiteX1" fmla="*/ 576000 w 576000"/>
              <a:gd name="connsiteY1" fmla="*/ 0 h 1440000"/>
              <a:gd name="connsiteX2" fmla="*/ 576000 w 576000"/>
              <a:gd name="connsiteY2" fmla="*/ 1440000 h 1440000"/>
              <a:gd name="connsiteX3" fmla="*/ 0 w 576000"/>
              <a:gd name="connsiteY3" fmla="*/ 1440000 h 1440000"/>
              <a:gd name="connsiteX4" fmla="*/ 0 w 576000"/>
              <a:gd name="connsiteY4" fmla="*/ 0 h 1440000"/>
              <a:gd name="connsiteX0" fmla="*/ 0 w 576000"/>
              <a:gd name="connsiteY0" fmla="*/ 495300 h 1935300"/>
              <a:gd name="connsiteX1" fmla="*/ 242625 w 576000"/>
              <a:gd name="connsiteY1" fmla="*/ 0 h 1935300"/>
              <a:gd name="connsiteX2" fmla="*/ 576000 w 576000"/>
              <a:gd name="connsiteY2" fmla="*/ 1935300 h 1935300"/>
              <a:gd name="connsiteX3" fmla="*/ 0 w 576000"/>
              <a:gd name="connsiteY3" fmla="*/ 1935300 h 1935300"/>
              <a:gd name="connsiteX4" fmla="*/ 0 w 576000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9242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3527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309300"/>
              <a:gd name="connsiteY0" fmla="*/ 495300 h 1935300"/>
              <a:gd name="connsiteX1" fmla="*/ 242625 w 309300"/>
              <a:gd name="connsiteY1" fmla="*/ 0 h 1935300"/>
              <a:gd name="connsiteX2" fmla="*/ 309300 w 309300"/>
              <a:gd name="connsiteY2" fmla="*/ 1678125 h 1935300"/>
              <a:gd name="connsiteX3" fmla="*/ 0 w 309300"/>
              <a:gd name="connsiteY3" fmla="*/ 1935300 h 1935300"/>
              <a:gd name="connsiteX4" fmla="*/ 0 w 309300"/>
              <a:gd name="connsiteY4" fmla="*/ 495300 h 1935300"/>
              <a:gd name="connsiteX0" fmla="*/ 0 w 252150"/>
              <a:gd name="connsiteY0" fmla="*/ 495300 h 1935300"/>
              <a:gd name="connsiteX1" fmla="*/ 242625 w 252150"/>
              <a:gd name="connsiteY1" fmla="*/ 0 h 1935300"/>
              <a:gd name="connsiteX2" fmla="*/ 252150 w 252150"/>
              <a:gd name="connsiteY2" fmla="*/ 1687650 h 1935300"/>
              <a:gd name="connsiteX3" fmla="*/ 0 w 252150"/>
              <a:gd name="connsiteY3" fmla="*/ 1935300 h 1935300"/>
              <a:gd name="connsiteX4" fmla="*/ 0 w 252150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23575 w 242625"/>
              <a:gd name="connsiteY2" fmla="*/ 148762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33100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185475 w 242625"/>
              <a:gd name="connsiteY2" fmla="*/ 1459050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42625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5604"/>
              <a:gd name="connsiteY0" fmla="*/ 486365 h 1926365"/>
              <a:gd name="connsiteX1" fmla="*/ 245604 w 245604"/>
              <a:gd name="connsiteY1" fmla="*/ 0 h 1926365"/>
              <a:gd name="connsiteX2" fmla="*/ 242625 w 245604"/>
              <a:gd name="connsiteY2" fmla="*/ 1459640 h 1926365"/>
              <a:gd name="connsiteX3" fmla="*/ 0 w 245604"/>
              <a:gd name="connsiteY3" fmla="*/ 1926365 h 1926365"/>
              <a:gd name="connsiteX4" fmla="*/ 0 w 245604"/>
              <a:gd name="connsiteY4" fmla="*/ 486365 h 1926365"/>
              <a:gd name="connsiteX0" fmla="*/ 0 w 248583"/>
              <a:gd name="connsiteY0" fmla="*/ 486365 h 1926365"/>
              <a:gd name="connsiteX1" fmla="*/ 248583 w 248583"/>
              <a:gd name="connsiteY1" fmla="*/ 0 h 1926365"/>
              <a:gd name="connsiteX2" fmla="*/ 242625 w 248583"/>
              <a:gd name="connsiteY2" fmla="*/ 1459640 h 1926365"/>
              <a:gd name="connsiteX3" fmla="*/ 0 w 248583"/>
              <a:gd name="connsiteY3" fmla="*/ 1926365 h 1926365"/>
              <a:gd name="connsiteX4" fmla="*/ 0 w 248583"/>
              <a:gd name="connsiteY4" fmla="*/ 486365 h 1926365"/>
              <a:gd name="connsiteX0" fmla="*/ 0 w 242626"/>
              <a:gd name="connsiteY0" fmla="*/ 486365 h 1926365"/>
              <a:gd name="connsiteX1" fmla="*/ 242626 w 242626"/>
              <a:gd name="connsiteY1" fmla="*/ 0 h 1926365"/>
              <a:gd name="connsiteX2" fmla="*/ 242625 w 242626"/>
              <a:gd name="connsiteY2" fmla="*/ 1459640 h 1926365"/>
              <a:gd name="connsiteX3" fmla="*/ 0 w 242626"/>
              <a:gd name="connsiteY3" fmla="*/ 1926365 h 1926365"/>
              <a:gd name="connsiteX4" fmla="*/ 0 w 242626"/>
              <a:gd name="connsiteY4" fmla="*/ 486365 h 192636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42626" h="1926365">
                <a:moveTo>
                  <a:pt x="0" y="486365"/>
                </a:moveTo>
                <a:lnTo>
                  <a:pt x="242626" y="0"/>
                </a:lnTo>
                <a:cubicBezTo>
                  <a:pt x="242626" y="486547"/>
                  <a:pt x="242625" y="973093"/>
                  <a:pt x="242625" y="1459640"/>
                </a:cubicBezTo>
                <a:lnTo>
                  <a:pt x="0" y="1926365"/>
                </a:lnTo>
                <a:lnTo>
                  <a:pt x="0" y="486365"/>
                </a:lnTo>
                <a:close/>
              </a:path>
            </a:pathLst>
          </a:custGeom>
          <a:solidFill>
            <a:srgbClr val="D5B8EA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60" name="矩形 85">
            <a:extLst>
              <a:ext uri="{FF2B5EF4-FFF2-40B4-BE49-F238E27FC236}">
                <a16:creationId xmlns:a16="http://schemas.microsoft.com/office/drawing/2014/main" id="{BCF26B36-844E-4BAD-B74B-09BB9735C82C}"/>
              </a:ext>
            </a:extLst>
          </p:cNvPr>
          <p:cNvSpPr/>
          <p:nvPr/>
        </p:nvSpPr>
        <p:spPr>
          <a:xfrm>
            <a:off x="6678422" y="4165628"/>
            <a:ext cx="247061" cy="1926365"/>
          </a:xfrm>
          <a:custGeom>
            <a:avLst/>
            <a:gdLst>
              <a:gd name="connsiteX0" fmla="*/ 0 w 576000"/>
              <a:gd name="connsiteY0" fmla="*/ 0 h 1440000"/>
              <a:gd name="connsiteX1" fmla="*/ 576000 w 576000"/>
              <a:gd name="connsiteY1" fmla="*/ 0 h 1440000"/>
              <a:gd name="connsiteX2" fmla="*/ 576000 w 576000"/>
              <a:gd name="connsiteY2" fmla="*/ 1440000 h 1440000"/>
              <a:gd name="connsiteX3" fmla="*/ 0 w 576000"/>
              <a:gd name="connsiteY3" fmla="*/ 1440000 h 1440000"/>
              <a:gd name="connsiteX4" fmla="*/ 0 w 576000"/>
              <a:gd name="connsiteY4" fmla="*/ 0 h 1440000"/>
              <a:gd name="connsiteX0" fmla="*/ 0 w 576000"/>
              <a:gd name="connsiteY0" fmla="*/ 495300 h 1935300"/>
              <a:gd name="connsiteX1" fmla="*/ 242625 w 576000"/>
              <a:gd name="connsiteY1" fmla="*/ 0 h 1935300"/>
              <a:gd name="connsiteX2" fmla="*/ 576000 w 576000"/>
              <a:gd name="connsiteY2" fmla="*/ 1935300 h 1935300"/>
              <a:gd name="connsiteX3" fmla="*/ 0 w 576000"/>
              <a:gd name="connsiteY3" fmla="*/ 1935300 h 1935300"/>
              <a:gd name="connsiteX4" fmla="*/ 0 w 576000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9242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3527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309300"/>
              <a:gd name="connsiteY0" fmla="*/ 495300 h 1935300"/>
              <a:gd name="connsiteX1" fmla="*/ 242625 w 309300"/>
              <a:gd name="connsiteY1" fmla="*/ 0 h 1935300"/>
              <a:gd name="connsiteX2" fmla="*/ 309300 w 309300"/>
              <a:gd name="connsiteY2" fmla="*/ 1678125 h 1935300"/>
              <a:gd name="connsiteX3" fmla="*/ 0 w 309300"/>
              <a:gd name="connsiteY3" fmla="*/ 1935300 h 1935300"/>
              <a:gd name="connsiteX4" fmla="*/ 0 w 309300"/>
              <a:gd name="connsiteY4" fmla="*/ 495300 h 1935300"/>
              <a:gd name="connsiteX0" fmla="*/ 0 w 252150"/>
              <a:gd name="connsiteY0" fmla="*/ 495300 h 1935300"/>
              <a:gd name="connsiteX1" fmla="*/ 242625 w 252150"/>
              <a:gd name="connsiteY1" fmla="*/ 0 h 1935300"/>
              <a:gd name="connsiteX2" fmla="*/ 252150 w 252150"/>
              <a:gd name="connsiteY2" fmla="*/ 1687650 h 1935300"/>
              <a:gd name="connsiteX3" fmla="*/ 0 w 252150"/>
              <a:gd name="connsiteY3" fmla="*/ 1935300 h 1935300"/>
              <a:gd name="connsiteX4" fmla="*/ 0 w 252150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23575 w 242625"/>
              <a:gd name="connsiteY2" fmla="*/ 148762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33100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185475 w 242625"/>
              <a:gd name="connsiteY2" fmla="*/ 1459050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42625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5604"/>
              <a:gd name="connsiteY0" fmla="*/ 486365 h 1926365"/>
              <a:gd name="connsiteX1" fmla="*/ 245604 w 245604"/>
              <a:gd name="connsiteY1" fmla="*/ 0 h 1926365"/>
              <a:gd name="connsiteX2" fmla="*/ 242625 w 245604"/>
              <a:gd name="connsiteY2" fmla="*/ 1459640 h 1926365"/>
              <a:gd name="connsiteX3" fmla="*/ 0 w 245604"/>
              <a:gd name="connsiteY3" fmla="*/ 1926365 h 1926365"/>
              <a:gd name="connsiteX4" fmla="*/ 0 w 245604"/>
              <a:gd name="connsiteY4" fmla="*/ 486365 h 1926365"/>
              <a:gd name="connsiteX0" fmla="*/ 0 w 248583"/>
              <a:gd name="connsiteY0" fmla="*/ 486365 h 1926365"/>
              <a:gd name="connsiteX1" fmla="*/ 248583 w 248583"/>
              <a:gd name="connsiteY1" fmla="*/ 0 h 1926365"/>
              <a:gd name="connsiteX2" fmla="*/ 242625 w 248583"/>
              <a:gd name="connsiteY2" fmla="*/ 1459640 h 1926365"/>
              <a:gd name="connsiteX3" fmla="*/ 0 w 248583"/>
              <a:gd name="connsiteY3" fmla="*/ 1926365 h 1926365"/>
              <a:gd name="connsiteX4" fmla="*/ 0 w 248583"/>
              <a:gd name="connsiteY4" fmla="*/ 486365 h 1926365"/>
              <a:gd name="connsiteX0" fmla="*/ 0 w 242626"/>
              <a:gd name="connsiteY0" fmla="*/ 486365 h 1926365"/>
              <a:gd name="connsiteX1" fmla="*/ 242626 w 242626"/>
              <a:gd name="connsiteY1" fmla="*/ 0 h 1926365"/>
              <a:gd name="connsiteX2" fmla="*/ 242625 w 242626"/>
              <a:gd name="connsiteY2" fmla="*/ 1459640 h 1926365"/>
              <a:gd name="connsiteX3" fmla="*/ 0 w 242626"/>
              <a:gd name="connsiteY3" fmla="*/ 1926365 h 1926365"/>
              <a:gd name="connsiteX4" fmla="*/ 0 w 242626"/>
              <a:gd name="connsiteY4" fmla="*/ 486365 h 192636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42626" h="1926365">
                <a:moveTo>
                  <a:pt x="0" y="486365"/>
                </a:moveTo>
                <a:lnTo>
                  <a:pt x="242626" y="0"/>
                </a:lnTo>
                <a:cubicBezTo>
                  <a:pt x="242626" y="486547"/>
                  <a:pt x="242625" y="973093"/>
                  <a:pt x="242625" y="1459640"/>
                </a:cubicBezTo>
                <a:lnTo>
                  <a:pt x="0" y="1926365"/>
                </a:lnTo>
                <a:lnTo>
                  <a:pt x="0" y="486365"/>
                </a:lnTo>
                <a:close/>
              </a:path>
            </a:pathLst>
          </a:custGeom>
          <a:solidFill>
            <a:srgbClr val="D5B8EA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61" name="矩形 86">
            <a:extLst>
              <a:ext uri="{FF2B5EF4-FFF2-40B4-BE49-F238E27FC236}">
                <a16:creationId xmlns:a16="http://schemas.microsoft.com/office/drawing/2014/main" id="{CDE2968C-6DC1-4C0A-8C63-5CA19B6489D7}"/>
              </a:ext>
            </a:extLst>
          </p:cNvPr>
          <p:cNvSpPr/>
          <p:nvPr/>
        </p:nvSpPr>
        <p:spPr>
          <a:xfrm>
            <a:off x="6680226" y="4154993"/>
            <a:ext cx="967061" cy="483139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7061" h="483139">
                <a:moveTo>
                  <a:pt x="250039" y="0"/>
                </a:moveTo>
                <a:lnTo>
                  <a:pt x="967061" y="4189"/>
                </a:lnTo>
                <a:lnTo>
                  <a:pt x="720000" y="483139"/>
                </a:lnTo>
                <a:lnTo>
                  <a:pt x="0" y="483139"/>
                </a:lnTo>
                <a:lnTo>
                  <a:pt x="250039" y="0"/>
                </a:lnTo>
                <a:close/>
              </a:path>
            </a:pathLst>
          </a:custGeom>
          <a:solidFill>
            <a:schemeClr val="accent4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2" name="矩形 61">
            <a:extLst>
              <a:ext uri="{FF2B5EF4-FFF2-40B4-BE49-F238E27FC236}">
                <a16:creationId xmlns:a16="http://schemas.microsoft.com/office/drawing/2014/main" id="{B09B7771-324C-4C13-A0F6-2B153DDE4CF0}"/>
              </a:ext>
            </a:extLst>
          </p:cNvPr>
          <p:cNvSpPr/>
          <p:nvPr/>
        </p:nvSpPr>
        <p:spPr>
          <a:xfrm>
            <a:off x="6681337" y="4646007"/>
            <a:ext cx="720000" cy="144000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614088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 uiExpand="1" build="allAtOnce"/>
      <p:bldP spid="55" grpId="0"/>
      <p:bldP spid="36" grpId="0" animBg="1"/>
      <p:bldP spid="42" grpId="0"/>
      <p:bldP spid="44" grpId="0"/>
      <p:bldP spid="45" grpId="0"/>
      <p:bldP spid="59" grpId="0" animBg="1"/>
      <p:bldP spid="60" grpId="0" animBg="1"/>
      <p:bldP spid="61" grpId="0" animBg="1"/>
      <p:bldP spid="62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矩形 23">
            <a:extLst>
              <a:ext uri="{FF2B5EF4-FFF2-40B4-BE49-F238E27FC236}">
                <a16:creationId xmlns:a16="http://schemas.microsoft.com/office/drawing/2014/main" id="{E8B118F4-DDB8-47CC-AE56-4C0DE7335715}"/>
              </a:ext>
            </a:extLst>
          </p:cNvPr>
          <p:cNvSpPr/>
          <p:nvPr/>
        </p:nvSpPr>
        <p:spPr>
          <a:xfrm>
            <a:off x="2072192" y="4249886"/>
            <a:ext cx="3609417" cy="41448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" name="组合 2">
            <a:extLst>
              <a:ext uri="{FF2B5EF4-FFF2-40B4-BE49-F238E27FC236}">
                <a16:creationId xmlns:a16="http://schemas.microsoft.com/office/drawing/2014/main" id="{D09AEDC5-107A-4509-BB1B-7157356F1400}"/>
              </a:ext>
            </a:extLst>
          </p:cNvPr>
          <p:cNvGrpSpPr/>
          <p:nvPr/>
        </p:nvGrpSpPr>
        <p:grpSpPr>
          <a:xfrm>
            <a:off x="731611" y="807119"/>
            <a:ext cx="4443643" cy="3130243"/>
            <a:chOff x="1846315" y="807119"/>
            <a:chExt cx="4443643" cy="3130243"/>
          </a:xfrm>
        </p:grpSpPr>
        <p:pic>
          <p:nvPicPr>
            <p:cNvPr id="35" name="图片 34">
              <a:extLst>
                <a:ext uri="{FF2B5EF4-FFF2-40B4-BE49-F238E27FC236}">
                  <a16:creationId xmlns:a16="http://schemas.microsoft.com/office/drawing/2014/main" id="{6B30A994-464C-438B-AAA3-4D90519EA69E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sharpenSoften amount="25000"/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2480287" y="807119"/>
              <a:ext cx="3809671" cy="3130243"/>
            </a:xfrm>
            <a:prstGeom prst="rect">
              <a:avLst/>
            </a:prstGeom>
          </p:spPr>
        </p:pic>
        <p:sp>
          <p:nvSpPr>
            <p:cNvPr id="57" name="Text Box 50">
              <a:extLst>
                <a:ext uri="{FF2B5EF4-FFF2-40B4-BE49-F238E27FC236}">
                  <a16:creationId xmlns:a16="http://schemas.microsoft.com/office/drawing/2014/main" id="{CC2FFFF1-0AD2-4395-9739-28802033418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46315" y="2227696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9cm</a:t>
              </a:r>
            </a:p>
          </p:txBody>
        </p:sp>
        <p:sp>
          <p:nvSpPr>
            <p:cNvPr id="58" name="Text Box 50">
              <a:extLst>
                <a:ext uri="{FF2B5EF4-FFF2-40B4-BE49-F238E27FC236}">
                  <a16:creationId xmlns:a16="http://schemas.microsoft.com/office/drawing/2014/main" id="{78DF4DB7-5451-421C-BE84-2DFC6961673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59129" y="1028987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9cm</a:t>
              </a:r>
            </a:p>
          </p:txBody>
        </p:sp>
        <p:sp>
          <p:nvSpPr>
            <p:cNvPr id="63" name="Text Box 50">
              <a:extLst>
                <a:ext uri="{FF2B5EF4-FFF2-40B4-BE49-F238E27FC236}">
                  <a16:creationId xmlns:a16="http://schemas.microsoft.com/office/drawing/2014/main" id="{2A684CE0-4D57-4F2A-8022-6179D7F1F8F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90373" y="977931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3cm</a:t>
              </a:r>
            </a:p>
          </p:txBody>
        </p:sp>
        <p:sp>
          <p:nvSpPr>
            <p:cNvPr id="64" name="Text Box 50">
              <a:extLst>
                <a:ext uri="{FF2B5EF4-FFF2-40B4-BE49-F238E27FC236}">
                  <a16:creationId xmlns:a16="http://schemas.microsoft.com/office/drawing/2014/main" id="{9719753D-E4E7-4796-A739-7D75857FCB0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31926" y="3401819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3cm</a:t>
              </a:r>
            </a:p>
          </p:txBody>
        </p:sp>
      </p:grpSp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8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62" name="矩形 61">
            <a:extLst>
              <a:ext uri="{FF2B5EF4-FFF2-40B4-BE49-F238E27FC236}">
                <a16:creationId xmlns:a16="http://schemas.microsoft.com/office/drawing/2014/main" id="{B09B7771-324C-4C13-A0F6-2B153DDE4CF0}"/>
              </a:ext>
            </a:extLst>
          </p:cNvPr>
          <p:cNvSpPr/>
          <p:nvPr/>
        </p:nvSpPr>
        <p:spPr>
          <a:xfrm>
            <a:off x="2134871" y="1458395"/>
            <a:ext cx="1198800" cy="183227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31" name="矩形 30">
            <a:extLst>
              <a:ext uri="{FF2B5EF4-FFF2-40B4-BE49-F238E27FC236}">
                <a16:creationId xmlns:a16="http://schemas.microsoft.com/office/drawing/2014/main" id="{1A94B4C6-6E16-4CE7-A4DA-3A3CF7D582F4}"/>
              </a:ext>
            </a:extLst>
          </p:cNvPr>
          <p:cNvSpPr/>
          <p:nvPr/>
        </p:nvSpPr>
        <p:spPr>
          <a:xfrm>
            <a:off x="1538302" y="1456105"/>
            <a:ext cx="593013" cy="183227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33" name="矩形 32">
            <a:extLst>
              <a:ext uri="{FF2B5EF4-FFF2-40B4-BE49-F238E27FC236}">
                <a16:creationId xmlns:a16="http://schemas.microsoft.com/office/drawing/2014/main" id="{7DF1E360-8C99-4C53-AD0F-38B28E917ACF}"/>
              </a:ext>
            </a:extLst>
          </p:cNvPr>
          <p:cNvSpPr/>
          <p:nvPr/>
        </p:nvSpPr>
        <p:spPr>
          <a:xfrm>
            <a:off x="2140024" y="3295971"/>
            <a:ext cx="1198800" cy="612000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0" name="矩形 49">
            <a:extLst>
              <a:ext uri="{FF2B5EF4-FFF2-40B4-BE49-F238E27FC236}">
                <a16:creationId xmlns:a16="http://schemas.microsoft.com/office/drawing/2014/main" id="{9E30E900-7A7E-463E-B85E-AB15ED7B200A}"/>
              </a:ext>
            </a:extLst>
          </p:cNvPr>
          <p:cNvSpPr/>
          <p:nvPr/>
        </p:nvSpPr>
        <p:spPr>
          <a:xfrm>
            <a:off x="3336265" y="1456778"/>
            <a:ext cx="593013" cy="183227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4" name="矩形 53">
            <a:extLst>
              <a:ext uri="{FF2B5EF4-FFF2-40B4-BE49-F238E27FC236}">
                <a16:creationId xmlns:a16="http://schemas.microsoft.com/office/drawing/2014/main" id="{893D9C0E-E222-4425-AD84-F0DC2DF3B8CA}"/>
              </a:ext>
            </a:extLst>
          </p:cNvPr>
          <p:cNvSpPr/>
          <p:nvPr/>
        </p:nvSpPr>
        <p:spPr>
          <a:xfrm>
            <a:off x="3926475" y="1453427"/>
            <a:ext cx="1198800" cy="183227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6" name="矩形 55">
            <a:extLst>
              <a:ext uri="{FF2B5EF4-FFF2-40B4-BE49-F238E27FC236}">
                <a16:creationId xmlns:a16="http://schemas.microsoft.com/office/drawing/2014/main" id="{BAF4915A-2545-42DD-A2B7-0239818E0FB9}"/>
              </a:ext>
            </a:extLst>
          </p:cNvPr>
          <p:cNvSpPr/>
          <p:nvPr/>
        </p:nvSpPr>
        <p:spPr>
          <a:xfrm>
            <a:off x="3929278" y="848247"/>
            <a:ext cx="1198800" cy="612000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0" name="任意多边形: 形状 19">
            <a:extLst>
              <a:ext uri="{FF2B5EF4-FFF2-40B4-BE49-F238E27FC236}">
                <a16:creationId xmlns:a16="http://schemas.microsoft.com/office/drawing/2014/main" id="{34F9F62E-AC55-404F-8EDB-B1F4A90F4486}"/>
              </a:ext>
            </a:extLst>
          </p:cNvPr>
          <p:cNvSpPr/>
          <p:nvPr/>
        </p:nvSpPr>
        <p:spPr>
          <a:xfrm>
            <a:off x="1545154" y="3288815"/>
            <a:ext cx="571053" cy="148595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21" name="Text Box 50">
            <a:extLst>
              <a:ext uri="{FF2B5EF4-FFF2-40B4-BE49-F238E27FC236}">
                <a16:creationId xmlns:a16="http://schemas.microsoft.com/office/drawing/2014/main" id="{F05D5CED-C05A-46D2-A29B-AF870F64F2E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8532" y="3039164"/>
            <a:ext cx="791042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000" dirty="0">
                <a:solidFill>
                  <a:srgbClr val="FF00FF"/>
                </a:solidFill>
              </a:rPr>
              <a:t>3cm</a:t>
            </a:r>
          </a:p>
        </p:txBody>
      </p:sp>
      <p:sp>
        <p:nvSpPr>
          <p:cNvPr id="23" name="Text Box 9">
            <a:extLst>
              <a:ext uri="{FF2B5EF4-FFF2-40B4-BE49-F238E27FC236}">
                <a16:creationId xmlns:a16="http://schemas.microsoft.com/office/drawing/2014/main" id="{5A54B639-2CBB-4C6D-BC9E-72B0472ABB2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49226" y="3867494"/>
            <a:ext cx="1198800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(9</a:t>
            </a:r>
            <a:r>
              <a:rPr lang="zh-CN" altLang="en-US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3)cm</a:t>
            </a:r>
            <a:endParaRPr lang="zh-TW" altLang="en-US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26" name="矩形 25">
            <a:extLst>
              <a:ext uri="{FF2B5EF4-FFF2-40B4-BE49-F238E27FC236}">
                <a16:creationId xmlns:a16="http://schemas.microsoft.com/office/drawing/2014/main" id="{A990DF6B-2615-4495-B0C3-4DE001ADD1EF}"/>
              </a:ext>
            </a:extLst>
          </p:cNvPr>
          <p:cNvSpPr/>
          <p:nvPr/>
        </p:nvSpPr>
        <p:spPr>
          <a:xfrm>
            <a:off x="3336265" y="1050738"/>
            <a:ext cx="579936" cy="27432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任意多边形: 形状 1">
            <a:extLst>
              <a:ext uri="{FF2B5EF4-FFF2-40B4-BE49-F238E27FC236}">
                <a16:creationId xmlns:a16="http://schemas.microsoft.com/office/drawing/2014/main" id="{33C3E88D-974D-4297-99DE-248F6CBB66E3}"/>
              </a:ext>
            </a:extLst>
          </p:cNvPr>
          <p:cNvSpPr/>
          <p:nvPr/>
        </p:nvSpPr>
        <p:spPr>
          <a:xfrm>
            <a:off x="1160979" y="3421293"/>
            <a:ext cx="678094" cy="88071"/>
          </a:xfrm>
          <a:custGeom>
            <a:avLst/>
            <a:gdLst>
              <a:gd name="connsiteX0" fmla="*/ 544530 w 544530"/>
              <a:gd name="connsiteY0" fmla="*/ 240 h 264744"/>
              <a:gd name="connsiteX1" fmla="*/ 339047 w 544530"/>
              <a:gd name="connsiteY1" fmla="*/ 41336 h 264744"/>
              <a:gd name="connsiteX2" fmla="*/ 184935 w 544530"/>
              <a:gd name="connsiteY2" fmla="*/ 257094 h 264744"/>
              <a:gd name="connsiteX3" fmla="*/ 0 w 544530"/>
              <a:gd name="connsiteY3" fmla="*/ 195449 h 264744"/>
              <a:gd name="connsiteX0" fmla="*/ 544530 w 544530"/>
              <a:gd name="connsiteY0" fmla="*/ 25 h 207014"/>
              <a:gd name="connsiteX1" fmla="*/ 339047 w 544530"/>
              <a:gd name="connsiteY1" fmla="*/ 41121 h 207014"/>
              <a:gd name="connsiteX2" fmla="*/ 92468 w 544530"/>
              <a:gd name="connsiteY2" fmla="*/ 123315 h 207014"/>
              <a:gd name="connsiteX3" fmla="*/ 0 w 544530"/>
              <a:gd name="connsiteY3" fmla="*/ 195234 h 207014"/>
              <a:gd name="connsiteX0" fmla="*/ 647271 w 647271"/>
              <a:gd name="connsiteY0" fmla="*/ 25 h 127296"/>
              <a:gd name="connsiteX1" fmla="*/ 441788 w 647271"/>
              <a:gd name="connsiteY1" fmla="*/ 41121 h 127296"/>
              <a:gd name="connsiteX2" fmla="*/ 195209 w 647271"/>
              <a:gd name="connsiteY2" fmla="*/ 123315 h 127296"/>
              <a:gd name="connsiteX3" fmla="*/ 0 w 647271"/>
              <a:gd name="connsiteY3" fmla="*/ 25 h 127296"/>
              <a:gd name="connsiteX0" fmla="*/ 647271 w 647271"/>
              <a:gd name="connsiteY0" fmla="*/ 19 h 78592"/>
              <a:gd name="connsiteX1" fmla="*/ 441788 w 647271"/>
              <a:gd name="connsiteY1" fmla="*/ 41115 h 78592"/>
              <a:gd name="connsiteX2" fmla="*/ 195209 w 647271"/>
              <a:gd name="connsiteY2" fmla="*/ 71938 h 78592"/>
              <a:gd name="connsiteX3" fmla="*/ 0 w 647271"/>
              <a:gd name="connsiteY3" fmla="*/ 19 h 78592"/>
              <a:gd name="connsiteX0" fmla="*/ 647271 w 647271"/>
              <a:gd name="connsiteY0" fmla="*/ 27 h 78600"/>
              <a:gd name="connsiteX1" fmla="*/ 390417 w 647271"/>
              <a:gd name="connsiteY1" fmla="*/ 30849 h 78600"/>
              <a:gd name="connsiteX2" fmla="*/ 195209 w 647271"/>
              <a:gd name="connsiteY2" fmla="*/ 71946 h 78600"/>
              <a:gd name="connsiteX3" fmla="*/ 0 w 647271"/>
              <a:gd name="connsiteY3" fmla="*/ 27 h 78600"/>
              <a:gd name="connsiteX0" fmla="*/ 647271 w 647271"/>
              <a:gd name="connsiteY0" fmla="*/ 25 h 69320"/>
              <a:gd name="connsiteX1" fmla="*/ 390417 w 647271"/>
              <a:gd name="connsiteY1" fmla="*/ 30847 h 69320"/>
              <a:gd name="connsiteX2" fmla="*/ 195209 w 647271"/>
              <a:gd name="connsiteY2" fmla="*/ 61670 h 69320"/>
              <a:gd name="connsiteX3" fmla="*/ 0 w 647271"/>
              <a:gd name="connsiteY3" fmla="*/ 25 h 69320"/>
              <a:gd name="connsiteX0" fmla="*/ 678094 w 678094"/>
              <a:gd name="connsiteY0" fmla="*/ 20549 h 88071"/>
              <a:gd name="connsiteX1" fmla="*/ 421240 w 678094"/>
              <a:gd name="connsiteY1" fmla="*/ 51371 h 88071"/>
              <a:gd name="connsiteX2" fmla="*/ 226032 w 678094"/>
              <a:gd name="connsiteY2" fmla="*/ 82194 h 88071"/>
              <a:gd name="connsiteX3" fmla="*/ 0 w 678094"/>
              <a:gd name="connsiteY3" fmla="*/ 0 h 8807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678094" h="88071">
                <a:moveTo>
                  <a:pt x="678094" y="20549"/>
                </a:moveTo>
                <a:cubicBezTo>
                  <a:pt x="605318" y="19692"/>
                  <a:pt x="496584" y="41097"/>
                  <a:pt x="421240" y="51371"/>
                </a:cubicBezTo>
                <a:cubicBezTo>
                  <a:pt x="345896" y="61645"/>
                  <a:pt x="282540" y="56509"/>
                  <a:pt x="226032" y="82194"/>
                </a:cubicBezTo>
                <a:cubicBezTo>
                  <a:pt x="169524" y="107879"/>
                  <a:pt x="64213" y="43665"/>
                  <a:pt x="0" y="0"/>
                </a:cubicBezTo>
              </a:path>
            </a:pathLst>
          </a:custGeom>
          <a:noFill/>
          <a:ln>
            <a:solidFill>
              <a:srgbClr val="FF00FF"/>
            </a:solidFill>
            <a:headEnd type="none" w="med" len="med"/>
            <a:tailEnd type="triangle" w="med" len="me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8" name="矩形 27">
            <a:extLst>
              <a:ext uri="{FF2B5EF4-FFF2-40B4-BE49-F238E27FC236}">
                <a16:creationId xmlns:a16="http://schemas.microsoft.com/office/drawing/2014/main" id="{DD02D8DC-2613-49A2-BEC1-80E69999E495}"/>
              </a:ext>
            </a:extLst>
          </p:cNvPr>
          <p:cNvSpPr/>
          <p:nvPr/>
        </p:nvSpPr>
        <p:spPr>
          <a:xfrm>
            <a:off x="2085664" y="1085334"/>
            <a:ext cx="579936" cy="27432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2" name="任意多边形: 形状 31">
            <a:extLst>
              <a:ext uri="{FF2B5EF4-FFF2-40B4-BE49-F238E27FC236}">
                <a16:creationId xmlns:a16="http://schemas.microsoft.com/office/drawing/2014/main" id="{55F430B7-72CC-4C4F-9628-631B46BDA996}"/>
              </a:ext>
            </a:extLst>
          </p:cNvPr>
          <p:cNvSpPr/>
          <p:nvPr/>
        </p:nvSpPr>
        <p:spPr>
          <a:xfrm>
            <a:off x="3345148" y="3303725"/>
            <a:ext cx="571053" cy="148595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34" name="Text Box 50">
            <a:extLst>
              <a:ext uri="{FF2B5EF4-FFF2-40B4-BE49-F238E27FC236}">
                <a16:creationId xmlns:a16="http://schemas.microsoft.com/office/drawing/2014/main" id="{BDEB2BDD-DCE3-4BD6-A950-36EC870F6AD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0712" y="3391407"/>
            <a:ext cx="791042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000" dirty="0">
                <a:solidFill>
                  <a:srgbClr val="FF00FF"/>
                </a:solidFill>
              </a:rPr>
              <a:t>3cm</a:t>
            </a:r>
          </a:p>
        </p:txBody>
      </p:sp>
      <p:sp>
        <p:nvSpPr>
          <p:cNvPr id="38" name="矩形 37">
            <a:extLst>
              <a:ext uri="{FF2B5EF4-FFF2-40B4-BE49-F238E27FC236}">
                <a16:creationId xmlns:a16="http://schemas.microsoft.com/office/drawing/2014/main" id="{6B23C14B-D53B-40A5-B4F1-4AD31ED1249F}"/>
              </a:ext>
            </a:extLst>
          </p:cNvPr>
          <p:cNvSpPr/>
          <p:nvPr/>
        </p:nvSpPr>
        <p:spPr>
          <a:xfrm>
            <a:off x="652711" y="3103702"/>
            <a:ext cx="579936" cy="27432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E74B1FF7-691B-4971-B79A-3C3C6C26CE14}"/>
              </a:ext>
            </a:extLst>
          </p:cNvPr>
          <p:cNvSpPr txBox="1"/>
          <p:nvPr/>
        </p:nvSpPr>
        <p:spPr>
          <a:xfrm>
            <a:off x="878129" y="4097932"/>
            <a:ext cx="8127648" cy="11726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dirty="0">
                <a:ea typeface="DFKai-SB" panose="03000509000000000000" pitchFamily="65" charset="-120"/>
              </a:rPr>
              <a:t>上圖是一個長方體的摺紙圖樣。這個摺紙圖樣所摺出的長方體的體積是</a:t>
            </a:r>
            <a:r>
              <a:rPr lang="en-US" altLang="zh-CN" sz="2800" dirty="0">
                <a:ea typeface="DFKai-SB" panose="03000509000000000000" pitchFamily="65" charset="-120"/>
              </a:rPr>
              <a:t>_______cm³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27094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4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2000"/>
                            </p:stCondLst>
                            <p:childTnLst>
                              <p:par>
                                <p:cTn id="1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30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20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30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4000"/>
                            </p:stCondLst>
                            <p:childTnLst>
                              <p:par>
                                <p:cTn id="4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9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0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62" grpId="0" animBg="1"/>
      <p:bldP spid="31" grpId="0" animBg="1"/>
      <p:bldP spid="33" grpId="0" animBg="1"/>
      <p:bldP spid="50" grpId="0" animBg="1"/>
      <p:bldP spid="54" grpId="0" animBg="1"/>
      <p:bldP spid="56" grpId="0" animBg="1"/>
      <p:bldP spid="20" grpId="0" animBg="1"/>
      <p:bldP spid="21" grpId="0"/>
      <p:bldP spid="23" grpId="0"/>
      <p:bldP spid="26" grpId="0" animBg="1"/>
      <p:bldP spid="26" grpId="1" animBg="1"/>
      <p:bldP spid="2" grpId="0" animBg="1"/>
      <p:bldP spid="28" grpId="0" animBg="1"/>
      <p:bldP spid="32" grpId="0" animBg="1"/>
      <p:bldP spid="34" grpId="0"/>
      <p:bldP spid="38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" name="任意多边形: 形状 88">
            <a:extLst>
              <a:ext uri="{FF2B5EF4-FFF2-40B4-BE49-F238E27FC236}">
                <a16:creationId xmlns:a16="http://schemas.microsoft.com/office/drawing/2014/main" id="{0D41044F-3C5F-40A5-AA22-784439F6DB15}"/>
              </a:ext>
            </a:extLst>
          </p:cNvPr>
          <p:cNvSpPr/>
          <p:nvPr/>
        </p:nvSpPr>
        <p:spPr>
          <a:xfrm>
            <a:off x="3345148" y="3303725"/>
            <a:ext cx="571053" cy="148595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90" name="Text Box 50">
            <a:extLst>
              <a:ext uri="{FF2B5EF4-FFF2-40B4-BE49-F238E27FC236}">
                <a16:creationId xmlns:a16="http://schemas.microsoft.com/office/drawing/2014/main" id="{1405DFDF-7C2C-478E-9E97-3FF92234A4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0712" y="3391407"/>
            <a:ext cx="791042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000" dirty="0">
                <a:solidFill>
                  <a:srgbClr val="FF00FF"/>
                </a:solidFill>
              </a:rPr>
              <a:t>3cm</a:t>
            </a:r>
          </a:p>
        </p:txBody>
      </p:sp>
      <p:grpSp>
        <p:nvGrpSpPr>
          <p:cNvPr id="3" name="组合 2">
            <a:extLst>
              <a:ext uri="{FF2B5EF4-FFF2-40B4-BE49-F238E27FC236}">
                <a16:creationId xmlns:a16="http://schemas.microsoft.com/office/drawing/2014/main" id="{D09AEDC5-107A-4509-BB1B-7157356F1400}"/>
              </a:ext>
            </a:extLst>
          </p:cNvPr>
          <p:cNvGrpSpPr/>
          <p:nvPr/>
        </p:nvGrpSpPr>
        <p:grpSpPr>
          <a:xfrm>
            <a:off x="731611" y="807119"/>
            <a:ext cx="4443643" cy="3130243"/>
            <a:chOff x="1846315" y="807119"/>
            <a:chExt cx="4443643" cy="3130243"/>
          </a:xfrm>
        </p:grpSpPr>
        <p:pic>
          <p:nvPicPr>
            <p:cNvPr id="35" name="图片 34">
              <a:extLst>
                <a:ext uri="{FF2B5EF4-FFF2-40B4-BE49-F238E27FC236}">
                  <a16:creationId xmlns:a16="http://schemas.microsoft.com/office/drawing/2014/main" id="{6B30A994-464C-438B-AAA3-4D90519EA69E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sharpenSoften amount="25000"/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2480287" y="807119"/>
              <a:ext cx="3809671" cy="3130243"/>
            </a:xfrm>
            <a:prstGeom prst="rect">
              <a:avLst/>
            </a:prstGeom>
          </p:spPr>
        </p:pic>
        <p:sp>
          <p:nvSpPr>
            <p:cNvPr id="57" name="Text Box 50">
              <a:extLst>
                <a:ext uri="{FF2B5EF4-FFF2-40B4-BE49-F238E27FC236}">
                  <a16:creationId xmlns:a16="http://schemas.microsoft.com/office/drawing/2014/main" id="{CC2FFFF1-0AD2-4395-9739-28802033418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46315" y="2227696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9cm</a:t>
              </a:r>
            </a:p>
          </p:txBody>
        </p:sp>
        <p:sp>
          <p:nvSpPr>
            <p:cNvPr id="58" name="Text Box 50">
              <a:extLst>
                <a:ext uri="{FF2B5EF4-FFF2-40B4-BE49-F238E27FC236}">
                  <a16:creationId xmlns:a16="http://schemas.microsoft.com/office/drawing/2014/main" id="{78DF4DB7-5451-421C-BE84-2DFC6961673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59129" y="1028987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9cm</a:t>
              </a:r>
            </a:p>
          </p:txBody>
        </p:sp>
        <p:sp>
          <p:nvSpPr>
            <p:cNvPr id="63" name="Text Box 50">
              <a:extLst>
                <a:ext uri="{FF2B5EF4-FFF2-40B4-BE49-F238E27FC236}">
                  <a16:creationId xmlns:a16="http://schemas.microsoft.com/office/drawing/2014/main" id="{2A684CE0-4D57-4F2A-8022-6179D7F1F8F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90373" y="977931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3cm</a:t>
              </a:r>
            </a:p>
          </p:txBody>
        </p:sp>
        <p:sp>
          <p:nvSpPr>
            <p:cNvPr id="64" name="Text Box 50">
              <a:extLst>
                <a:ext uri="{FF2B5EF4-FFF2-40B4-BE49-F238E27FC236}">
                  <a16:creationId xmlns:a16="http://schemas.microsoft.com/office/drawing/2014/main" id="{9719753D-E4E7-4796-A739-7D75857FCB0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31926" y="3401819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3cm</a:t>
              </a:r>
            </a:p>
          </p:txBody>
        </p:sp>
      </p:grpSp>
      <p:sp>
        <p:nvSpPr>
          <p:cNvPr id="39" name="文本框 38">
            <a:extLst>
              <a:ext uri="{FF2B5EF4-FFF2-40B4-BE49-F238E27FC236}">
                <a16:creationId xmlns:a16="http://schemas.microsoft.com/office/drawing/2014/main" id="{E74B1FF7-691B-4971-B79A-3C3C6C26CE14}"/>
              </a:ext>
            </a:extLst>
          </p:cNvPr>
          <p:cNvSpPr txBox="1"/>
          <p:nvPr/>
        </p:nvSpPr>
        <p:spPr>
          <a:xfrm>
            <a:off x="878129" y="4097932"/>
            <a:ext cx="8063852" cy="11726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dirty="0">
                <a:ea typeface="DFKai-SB" panose="03000509000000000000" pitchFamily="65" charset="-120"/>
              </a:rPr>
              <a:t>上圖是一個長方體的摺紙圖樣。這個摺紙圖樣所摺出的長方體的體積是</a:t>
            </a:r>
            <a:r>
              <a:rPr lang="en-US" altLang="zh-CN" sz="2800" dirty="0">
                <a:ea typeface="DFKai-SB" panose="03000509000000000000" pitchFamily="65" charset="-120"/>
              </a:rPr>
              <a:t>_______cm³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8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62" name="矩形 61">
            <a:extLst>
              <a:ext uri="{FF2B5EF4-FFF2-40B4-BE49-F238E27FC236}">
                <a16:creationId xmlns:a16="http://schemas.microsoft.com/office/drawing/2014/main" id="{B09B7771-324C-4C13-A0F6-2B153DDE4CF0}"/>
              </a:ext>
            </a:extLst>
          </p:cNvPr>
          <p:cNvSpPr/>
          <p:nvPr/>
        </p:nvSpPr>
        <p:spPr>
          <a:xfrm>
            <a:off x="2134871" y="1458395"/>
            <a:ext cx="1198800" cy="183227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31" name="矩形 30">
            <a:extLst>
              <a:ext uri="{FF2B5EF4-FFF2-40B4-BE49-F238E27FC236}">
                <a16:creationId xmlns:a16="http://schemas.microsoft.com/office/drawing/2014/main" id="{1A94B4C6-6E16-4CE7-A4DA-3A3CF7D582F4}"/>
              </a:ext>
            </a:extLst>
          </p:cNvPr>
          <p:cNvSpPr/>
          <p:nvPr/>
        </p:nvSpPr>
        <p:spPr>
          <a:xfrm>
            <a:off x="1538302" y="1456105"/>
            <a:ext cx="593013" cy="183227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33" name="矩形 32">
            <a:extLst>
              <a:ext uri="{FF2B5EF4-FFF2-40B4-BE49-F238E27FC236}">
                <a16:creationId xmlns:a16="http://schemas.microsoft.com/office/drawing/2014/main" id="{7DF1E360-8C99-4C53-AD0F-38B28E917ACF}"/>
              </a:ext>
            </a:extLst>
          </p:cNvPr>
          <p:cNvSpPr/>
          <p:nvPr/>
        </p:nvSpPr>
        <p:spPr>
          <a:xfrm>
            <a:off x="2140024" y="3295971"/>
            <a:ext cx="1198800" cy="612000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grpSp>
        <p:nvGrpSpPr>
          <p:cNvPr id="11" name="组合 10">
            <a:extLst>
              <a:ext uri="{FF2B5EF4-FFF2-40B4-BE49-F238E27FC236}">
                <a16:creationId xmlns:a16="http://schemas.microsoft.com/office/drawing/2014/main" id="{3B71B3EC-23F1-4D34-B726-1360D12FCC3E}"/>
              </a:ext>
            </a:extLst>
          </p:cNvPr>
          <p:cNvGrpSpPr/>
          <p:nvPr/>
        </p:nvGrpSpPr>
        <p:grpSpPr>
          <a:xfrm>
            <a:off x="3336265" y="837973"/>
            <a:ext cx="1791813" cy="2447724"/>
            <a:chOff x="3336265" y="848247"/>
            <a:chExt cx="1791813" cy="2447724"/>
          </a:xfrm>
        </p:grpSpPr>
        <p:sp>
          <p:nvSpPr>
            <p:cNvPr id="50" name="矩形 49">
              <a:extLst>
                <a:ext uri="{FF2B5EF4-FFF2-40B4-BE49-F238E27FC236}">
                  <a16:creationId xmlns:a16="http://schemas.microsoft.com/office/drawing/2014/main" id="{9E30E900-7A7E-463E-B85E-AB15ED7B200A}"/>
                </a:ext>
              </a:extLst>
            </p:cNvPr>
            <p:cNvSpPr/>
            <p:nvPr/>
          </p:nvSpPr>
          <p:spPr>
            <a:xfrm>
              <a:off x="3336265" y="1456778"/>
              <a:ext cx="593013" cy="1832270"/>
            </a:xfrm>
            <a:prstGeom prst="rect">
              <a:avLst/>
            </a:prstGeom>
            <a:solidFill>
              <a:schemeClr val="accent4">
                <a:lumMod val="20000"/>
                <a:lumOff val="8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54" name="矩形 53">
              <a:extLst>
                <a:ext uri="{FF2B5EF4-FFF2-40B4-BE49-F238E27FC236}">
                  <a16:creationId xmlns:a16="http://schemas.microsoft.com/office/drawing/2014/main" id="{893D9C0E-E222-4425-AD84-F0DC2DF3B8CA}"/>
                </a:ext>
              </a:extLst>
            </p:cNvPr>
            <p:cNvSpPr/>
            <p:nvPr/>
          </p:nvSpPr>
          <p:spPr>
            <a:xfrm>
              <a:off x="3926475" y="1463701"/>
              <a:ext cx="1198800" cy="1832270"/>
            </a:xfrm>
            <a:prstGeom prst="rect">
              <a:avLst/>
            </a:prstGeom>
            <a:solidFill>
              <a:schemeClr val="accent6">
                <a:lumMod val="40000"/>
                <a:lumOff val="6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56" name="矩形 55">
              <a:extLst>
                <a:ext uri="{FF2B5EF4-FFF2-40B4-BE49-F238E27FC236}">
                  <a16:creationId xmlns:a16="http://schemas.microsoft.com/office/drawing/2014/main" id="{BAF4915A-2545-42DD-A2B7-0239818E0FB9}"/>
                </a:ext>
              </a:extLst>
            </p:cNvPr>
            <p:cNvSpPr/>
            <p:nvPr/>
          </p:nvSpPr>
          <p:spPr>
            <a:xfrm>
              <a:off x="3929278" y="848247"/>
              <a:ext cx="1198800" cy="612000"/>
            </a:xfrm>
            <a:prstGeom prst="rect">
              <a:avLst/>
            </a:prstGeom>
            <a:solidFill>
              <a:schemeClr val="accent2"/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sp>
        <p:nvSpPr>
          <p:cNvPr id="23" name="Text Box 9">
            <a:extLst>
              <a:ext uri="{FF2B5EF4-FFF2-40B4-BE49-F238E27FC236}">
                <a16:creationId xmlns:a16="http://schemas.microsoft.com/office/drawing/2014/main" id="{5A54B639-2CBB-4C6D-BC9E-72B0472ABB2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49226" y="3867494"/>
            <a:ext cx="1198800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(9</a:t>
            </a:r>
            <a:r>
              <a:rPr lang="zh-CN" altLang="en-US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3)cm</a:t>
            </a:r>
            <a:endParaRPr lang="zh-TW" altLang="en-US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29" name="矩形 86">
            <a:extLst>
              <a:ext uri="{FF2B5EF4-FFF2-40B4-BE49-F238E27FC236}">
                <a16:creationId xmlns:a16="http://schemas.microsoft.com/office/drawing/2014/main" id="{A9AB84DC-3EE6-4805-AAC2-DB97C461BC38}"/>
              </a:ext>
            </a:extLst>
          </p:cNvPr>
          <p:cNvSpPr/>
          <p:nvPr/>
        </p:nvSpPr>
        <p:spPr>
          <a:xfrm>
            <a:off x="1817453" y="3283431"/>
            <a:ext cx="1517515" cy="474249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622411 w 864205"/>
              <a:gd name="connsiteY2" fmla="*/ 256715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720000 w 864205"/>
              <a:gd name="connsiteY2" fmla="*/ 459000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9000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33714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5137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0001 w 879614"/>
              <a:gd name="connsiteY2" fmla="*/ 442142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88273 w 905295"/>
              <a:gd name="connsiteY0" fmla="*/ 0 h 450571"/>
              <a:gd name="connsiteX1" fmla="*/ 905295 w 905295"/>
              <a:gd name="connsiteY1" fmla="*/ 4189 h 450571"/>
              <a:gd name="connsiteX2" fmla="*/ 745682 w 905295"/>
              <a:gd name="connsiteY2" fmla="*/ 442142 h 450571"/>
              <a:gd name="connsiteX3" fmla="*/ 0 w 905295"/>
              <a:gd name="connsiteY3" fmla="*/ 450571 h 450571"/>
              <a:gd name="connsiteX4" fmla="*/ 188273 w 905295"/>
              <a:gd name="connsiteY4" fmla="*/ 0 h 450571"/>
              <a:gd name="connsiteX0" fmla="*/ 178001 w 895023"/>
              <a:gd name="connsiteY0" fmla="*/ 0 h 450571"/>
              <a:gd name="connsiteX1" fmla="*/ 895023 w 895023"/>
              <a:gd name="connsiteY1" fmla="*/ 4189 h 450571"/>
              <a:gd name="connsiteX2" fmla="*/ 735410 w 895023"/>
              <a:gd name="connsiteY2" fmla="*/ 442142 h 450571"/>
              <a:gd name="connsiteX3" fmla="*/ 0 w 895023"/>
              <a:gd name="connsiteY3" fmla="*/ 450571 h 450571"/>
              <a:gd name="connsiteX4" fmla="*/ 178001 w 895023"/>
              <a:gd name="connsiteY4" fmla="*/ 0 h 450571"/>
              <a:gd name="connsiteX0" fmla="*/ 178001 w 895023"/>
              <a:gd name="connsiteY0" fmla="*/ 0 h 442143"/>
              <a:gd name="connsiteX1" fmla="*/ 895023 w 895023"/>
              <a:gd name="connsiteY1" fmla="*/ 4189 h 442143"/>
              <a:gd name="connsiteX2" fmla="*/ 735410 w 895023"/>
              <a:gd name="connsiteY2" fmla="*/ 442142 h 442143"/>
              <a:gd name="connsiteX3" fmla="*/ 0 w 895023"/>
              <a:gd name="connsiteY3" fmla="*/ 442143 h 442143"/>
              <a:gd name="connsiteX4" fmla="*/ 178001 w 895023"/>
              <a:gd name="connsiteY4" fmla="*/ 0 h 442143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25286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5023" h="458999">
                <a:moveTo>
                  <a:pt x="178001" y="0"/>
                </a:moveTo>
                <a:lnTo>
                  <a:pt x="895023" y="4189"/>
                </a:lnTo>
                <a:lnTo>
                  <a:pt x="735410" y="458999"/>
                </a:lnTo>
                <a:lnTo>
                  <a:pt x="0" y="450572"/>
                </a:lnTo>
                <a:lnTo>
                  <a:pt x="178001" y="0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2" name="矩形 85">
            <a:extLst>
              <a:ext uri="{FF2B5EF4-FFF2-40B4-BE49-F238E27FC236}">
                <a16:creationId xmlns:a16="http://schemas.microsoft.com/office/drawing/2014/main" id="{D4F2DD98-229E-4B9F-9517-4DBB3CE1B36A}"/>
              </a:ext>
            </a:extLst>
          </p:cNvPr>
          <p:cNvSpPr/>
          <p:nvPr/>
        </p:nvSpPr>
        <p:spPr>
          <a:xfrm>
            <a:off x="1610814" y="1463149"/>
            <a:ext cx="526574" cy="1978617"/>
          </a:xfrm>
          <a:custGeom>
            <a:avLst/>
            <a:gdLst>
              <a:gd name="connsiteX0" fmla="*/ 0 w 576000"/>
              <a:gd name="connsiteY0" fmla="*/ 0 h 1440000"/>
              <a:gd name="connsiteX1" fmla="*/ 576000 w 576000"/>
              <a:gd name="connsiteY1" fmla="*/ 0 h 1440000"/>
              <a:gd name="connsiteX2" fmla="*/ 576000 w 576000"/>
              <a:gd name="connsiteY2" fmla="*/ 1440000 h 1440000"/>
              <a:gd name="connsiteX3" fmla="*/ 0 w 576000"/>
              <a:gd name="connsiteY3" fmla="*/ 1440000 h 1440000"/>
              <a:gd name="connsiteX4" fmla="*/ 0 w 576000"/>
              <a:gd name="connsiteY4" fmla="*/ 0 h 1440000"/>
              <a:gd name="connsiteX0" fmla="*/ 0 w 576000"/>
              <a:gd name="connsiteY0" fmla="*/ 495300 h 1935300"/>
              <a:gd name="connsiteX1" fmla="*/ 242625 w 576000"/>
              <a:gd name="connsiteY1" fmla="*/ 0 h 1935300"/>
              <a:gd name="connsiteX2" fmla="*/ 576000 w 576000"/>
              <a:gd name="connsiteY2" fmla="*/ 1935300 h 1935300"/>
              <a:gd name="connsiteX3" fmla="*/ 0 w 576000"/>
              <a:gd name="connsiteY3" fmla="*/ 1935300 h 1935300"/>
              <a:gd name="connsiteX4" fmla="*/ 0 w 576000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9242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3527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309300"/>
              <a:gd name="connsiteY0" fmla="*/ 495300 h 1935300"/>
              <a:gd name="connsiteX1" fmla="*/ 242625 w 309300"/>
              <a:gd name="connsiteY1" fmla="*/ 0 h 1935300"/>
              <a:gd name="connsiteX2" fmla="*/ 309300 w 309300"/>
              <a:gd name="connsiteY2" fmla="*/ 1678125 h 1935300"/>
              <a:gd name="connsiteX3" fmla="*/ 0 w 309300"/>
              <a:gd name="connsiteY3" fmla="*/ 1935300 h 1935300"/>
              <a:gd name="connsiteX4" fmla="*/ 0 w 309300"/>
              <a:gd name="connsiteY4" fmla="*/ 495300 h 1935300"/>
              <a:gd name="connsiteX0" fmla="*/ 0 w 252150"/>
              <a:gd name="connsiteY0" fmla="*/ 495300 h 1935300"/>
              <a:gd name="connsiteX1" fmla="*/ 242625 w 252150"/>
              <a:gd name="connsiteY1" fmla="*/ 0 h 1935300"/>
              <a:gd name="connsiteX2" fmla="*/ 252150 w 252150"/>
              <a:gd name="connsiteY2" fmla="*/ 1687650 h 1935300"/>
              <a:gd name="connsiteX3" fmla="*/ 0 w 252150"/>
              <a:gd name="connsiteY3" fmla="*/ 1935300 h 1935300"/>
              <a:gd name="connsiteX4" fmla="*/ 0 w 252150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23575 w 242625"/>
              <a:gd name="connsiteY2" fmla="*/ 148762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33100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185475 w 242625"/>
              <a:gd name="connsiteY2" fmla="*/ 1459050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42625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5604"/>
              <a:gd name="connsiteY0" fmla="*/ 486365 h 1926365"/>
              <a:gd name="connsiteX1" fmla="*/ 245604 w 245604"/>
              <a:gd name="connsiteY1" fmla="*/ 0 h 1926365"/>
              <a:gd name="connsiteX2" fmla="*/ 242625 w 245604"/>
              <a:gd name="connsiteY2" fmla="*/ 1459640 h 1926365"/>
              <a:gd name="connsiteX3" fmla="*/ 0 w 245604"/>
              <a:gd name="connsiteY3" fmla="*/ 1926365 h 1926365"/>
              <a:gd name="connsiteX4" fmla="*/ 0 w 245604"/>
              <a:gd name="connsiteY4" fmla="*/ 486365 h 1926365"/>
              <a:gd name="connsiteX0" fmla="*/ 0 w 248583"/>
              <a:gd name="connsiteY0" fmla="*/ 486365 h 1926365"/>
              <a:gd name="connsiteX1" fmla="*/ 248583 w 248583"/>
              <a:gd name="connsiteY1" fmla="*/ 0 h 1926365"/>
              <a:gd name="connsiteX2" fmla="*/ 242625 w 248583"/>
              <a:gd name="connsiteY2" fmla="*/ 1459640 h 1926365"/>
              <a:gd name="connsiteX3" fmla="*/ 0 w 248583"/>
              <a:gd name="connsiteY3" fmla="*/ 1926365 h 1926365"/>
              <a:gd name="connsiteX4" fmla="*/ 0 w 248583"/>
              <a:gd name="connsiteY4" fmla="*/ 486365 h 1926365"/>
              <a:gd name="connsiteX0" fmla="*/ 0 w 242626"/>
              <a:gd name="connsiteY0" fmla="*/ 486365 h 1926365"/>
              <a:gd name="connsiteX1" fmla="*/ 242626 w 242626"/>
              <a:gd name="connsiteY1" fmla="*/ 0 h 1926365"/>
              <a:gd name="connsiteX2" fmla="*/ 242625 w 242626"/>
              <a:gd name="connsiteY2" fmla="*/ 1459640 h 1926365"/>
              <a:gd name="connsiteX3" fmla="*/ 0 w 242626"/>
              <a:gd name="connsiteY3" fmla="*/ 1926365 h 1926365"/>
              <a:gd name="connsiteX4" fmla="*/ 0 w 242626"/>
              <a:gd name="connsiteY4" fmla="*/ 486365 h 1926365"/>
              <a:gd name="connsiteX0" fmla="*/ 0 w 388014"/>
              <a:gd name="connsiteY0" fmla="*/ 286068 h 1726068"/>
              <a:gd name="connsiteX1" fmla="*/ 388014 w 388014"/>
              <a:gd name="connsiteY1" fmla="*/ 0 h 1726068"/>
              <a:gd name="connsiteX2" fmla="*/ 242625 w 388014"/>
              <a:gd name="connsiteY2" fmla="*/ 1259343 h 1726068"/>
              <a:gd name="connsiteX3" fmla="*/ 0 w 388014"/>
              <a:gd name="connsiteY3" fmla="*/ 1726068 h 1726068"/>
              <a:gd name="connsiteX4" fmla="*/ 0 w 388014"/>
              <a:gd name="connsiteY4" fmla="*/ 286068 h 1726068"/>
              <a:gd name="connsiteX0" fmla="*/ 0 w 396565"/>
              <a:gd name="connsiteY0" fmla="*/ 286068 h 1834109"/>
              <a:gd name="connsiteX1" fmla="*/ 388014 w 396565"/>
              <a:gd name="connsiteY1" fmla="*/ 0 h 1834109"/>
              <a:gd name="connsiteX2" fmla="*/ 396565 w 396565"/>
              <a:gd name="connsiteY2" fmla="*/ 1834109 h 1834109"/>
              <a:gd name="connsiteX3" fmla="*/ 0 w 396565"/>
              <a:gd name="connsiteY3" fmla="*/ 1726068 h 1834109"/>
              <a:gd name="connsiteX4" fmla="*/ 0 w 396565"/>
              <a:gd name="connsiteY4" fmla="*/ 286068 h 1834109"/>
              <a:gd name="connsiteX0" fmla="*/ 0 w 396565"/>
              <a:gd name="connsiteY0" fmla="*/ 286068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86068 h 2091828"/>
              <a:gd name="connsiteX0" fmla="*/ 0 w 396565"/>
              <a:gd name="connsiteY0" fmla="*/ 251234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1234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9462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0910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6"/>
              <a:gd name="connsiteY0" fmla="*/ 259942 h 2091828"/>
              <a:gd name="connsiteX1" fmla="*/ 396566 w 396566"/>
              <a:gd name="connsiteY1" fmla="*/ 0 h 2091828"/>
              <a:gd name="connsiteX2" fmla="*/ 396565 w 396566"/>
              <a:gd name="connsiteY2" fmla="*/ 1834109 h 2091828"/>
              <a:gd name="connsiteX3" fmla="*/ 0 w 396566"/>
              <a:gd name="connsiteY3" fmla="*/ 2091828 h 2091828"/>
              <a:gd name="connsiteX4" fmla="*/ 0 w 396566"/>
              <a:gd name="connsiteY4" fmla="*/ 259942 h 2091828"/>
              <a:gd name="connsiteX0" fmla="*/ 0 w 527400"/>
              <a:gd name="connsiteY0" fmla="*/ 129313 h 2091828"/>
              <a:gd name="connsiteX1" fmla="*/ 527400 w 527400"/>
              <a:gd name="connsiteY1" fmla="*/ 0 h 2091828"/>
              <a:gd name="connsiteX2" fmla="*/ 527399 w 527400"/>
              <a:gd name="connsiteY2" fmla="*/ 1834109 h 2091828"/>
              <a:gd name="connsiteX3" fmla="*/ 130834 w 527400"/>
              <a:gd name="connsiteY3" fmla="*/ 2091828 h 2091828"/>
              <a:gd name="connsiteX4" fmla="*/ 0 w 527400"/>
              <a:gd name="connsiteY4" fmla="*/ 129313 h 2091828"/>
              <a:gd name="connsiteX0" fmla="*/ 0 w 527400"/>
              <a:gd name="connsiteY0" fmla="*/ 129313 h 1978617"/>
              <a:gd name="connsiteX1" fmla="*/ 527400 w 527400"/>
              <a:gd name="connsiteY1" fmla="*/ 0 h 1978617"/>
              <a:gd name="connsiteX2" fmla="*/ 527399 w 527400"/>
              <a:gd name="connsiteY2" fmla="*/ 1834109 h 1978617"/>
              <a:gd name="connsiteX3" fmla="*/ 8723 w 527400"/>
              <a:gd name="connsiteY3" fmla="*/ 1978617 h 1978617"/>
              <a:gd name="connsiteX4" fmla="*/ 0 w 527400"/>
              <a:gd name="connsiteY4" fmla="*/ 129313 h 1978617"/>
              <a:gd name="connsiteX0" fmla="*/ 0 w 527400"/>
              <a:gd name="connsiteY0" fmla="*/ 149861 h 1978617"/>
              <a:gd name="connsiteX1" fmla="*/ 527400 w 527400"/>
              <a:gd name="connsiteY1" fmla="*/ 0 h 1978617"/>
              <a:gd name="connsiteX2" fmla="*/ 527399 w 527400"/>
              <a:gd name="connsiteY2" fmla="*/ 1834109 h 1978617"/>
              <a:gd name="connsiteX3" fmla="*/ 8723 w 527400"/>
              <a:gd name="connsiteY3" fmla="*/ 1978617 h 1978617"/>
              <a:gd name="connsiteX4" fmla="*/ 0 w 527400"/>
              <a:gd name="connsiteY4" fmla="*/ 149861 h 197861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527400" h="1978617">
                <a:moveTo>
                  <a:pt x="0" y="149861"/>
                </a:moveTo>
                <a:cubicBezTo>
                  <a:pt x="175800" y="106757"/>
                  <a:pt x="351600" y="43104"/>
                  <a:pt x="527400" y="0"/>
                </a:cubicBezTo>
                <a:cubicBezTo>
                  <a:pt x="527400" y="486547"/>
                  <a:pt x="527399" y="1347562"/>
                  <a:pt x="527399" y="1834109"/>
                </a:cubicBezTo>
                <a:lnTo>
                  <a:pt x="8723" y="1978617"/>
                </a:lnTo>
                <a:cubicBezTo>
                  <a:pt x="5815" y="1362182"/>
                  <a:pt x="2908" y="766296"/>
                  <a:pt x="0" y="149861"/>
                </a:cubicBezTo>
                <a:close/>
              </a:path>
            </a:pathLst>
          </a:cu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48" name="矩形 86">
            <a:extLst>
              <a:ext uri="{FF2B5EF4-FFF2-40B4-BE49-F238E27FC236}">
                <a16:creationId xmlns:a16="http://schemas.microsoft.com/office/drawing/2014/main" id="{06A1A9CE-E6CF-4DF3-97F2-3147592FD303}"/>
              </a:ext>
            </a:extLst>
          </p:cNvPr>
          <p:cNvSpPr/>
          <p:nvPr/>
        </p:nvSpPr>
        <p:spPr>
          <a:xfrm>
            <a:off x="1717301" y="3291245"/>
            <a:ext cx="1630725" cy="265244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1794" h="256715">
                <a:moveTo>
                  <a:pt x="244772" y="0"/>
                </a:moveTo>
                <a:lnTo>
                  <a:pt x="961794" y="4189"/>
                </a:lnTo>
                <a:lnTo>
                  <a:pt x="720000" y="256715"/>
                </a:lnTo>
                <a:lnTo>
                  <a:pt x="0" y="256715"/>
                </a:lnTo>
                <a:lnTo>
                  <a:pt x="244772" y="0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1" name="矩形 85">
            <a:extLst>
              <a:ext uri="{FF2B5EF4-FFF2-40B4-BE49-F238E27FC236}">
                <a16:creationId xmlns:a16="http://schemas.microsoft.com/office/drawing/2014/main" id="{B8204E87-60A5-4C65-9DE0-30B4CE2C745B}"/>
              </a:ext>
            </a:extLst>
          </p:cNvPr>
          <p:cNvSpPr/>
          <p:nvPr/>
        </p:nvSpPr>
        <p:spPr>
          <a:xfrm>
            <a:off x="1734877" y="1469708"/>
            <a:ext cx="395945" cy="2091828"/>
          </a:xfrm>
          <a:custGeom>
            <a:avLst/>
            <a:gdLst>
              <a:gd name="connsiteX0" fmla="*/ 0 w 576000"/>
              <a:gd name="connsiteY0" fmla="*/ 0 h 1440000"/>
              <a:gd name="connsiteX1" fmla="*/ 576000 w 576000"/>
              <a:gd name="connsiteY1" fmla="*/ 0 h 1440000"/>
              <a:gd name="connsiteX2" fmla="*/ 576000 w 576000"/>
              <a:gd name="connsiteY2" fmla="*/ 1440000 h 1440000"/>
              <a:gd name="connsiteX3" fmla="*/ 0 w 576000"/>
              <a:gd name="connsiteY3" fmla="*/ 1440000 h 1440000"/>
              <a:gd name="connsiteX4" fmla="*/ 0 w 576000"/>
              <a:gd name="connsiteY4" fmla="*/ 0 h 1440000"/>
              <a:gd name="connsiteX0" fmla="*/ 0 w 576000"/>
              <a:gd name="connsiteY0" fmla="*/ 495300 h 1935300"/>
              <a:gd name="connsiteX1" fmla="*/ 242625 w 576000"/>
              <a:gd name="connsiteY1" fmla="*/ 0 h 1935300"/>
              <a:gd name="connsiteX2" fmla="*/ 576000 w 576000"/>
              <a:gd name="connsiteY2" fmla="*/ 1935300 h 1935300"/>
              <a:gd name="connsiteX3" fmla="*/ 0 w 576000"/>
              <a:gd name="connsiteY3" fmla="*/ 1935300 h 1935300"/>
              <a:gd name="connsiteX4" fmla="*/ 0 w 576000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9242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3527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309300"/>
              <a:gd name="connsiteY0" fmla="*/ 495300 h 1935300"/>
              <a:gd name="connsiteX1" fmla="*/ 242625 w 309300"/>
              <a:gd name="connsiteY1" fmla="*/ 0 h 1935300"/>
              <a:gd name="connsiteX2" fmla="*/ 309300 w 309300"/>
              <a:gd name="connsiteY2" fmla="*/ 1678125 h 1935300"/>
              <a:gd name="connsiteX3" fmla="*/ 0 w 309300"/>
              <a:gd name="connsiteY3" fmla="*/ 1935300 h 1935300"/>
              <a:gd name="connsiteX4" fmla="*/ 0 w 309300"/>
              <a:gd name="connsiteY4" fmla="*/ 495300 h 1935300"/>
              <a:gd name="connsiteX0" fmla="*/ 0 w 252150"/>
              <a:gd name="connsiteY0" fmla="*/ 495300 h 1935300"/>
              <a:gd name="connsiteX1" fmla="*/ 242625 w 252150"/>
              <a:gd name="connsiteY1" fmla="*/ 0 h 1935300"/>
              <a:gd name="connsiteX2" fmla="*/ 252150 w 252150"/>
              <a:gd name="connsiteY2" fmla="*/ 1687650 h 1935300"/>
              <a:gd name="connsiteX3" fmla="*/ 0 w 252150"/>
              <a:gd name="connsiteY3" fmla="*/ 1935300 h 1935300"/>
              <a:gd name="connsiteX4" fmla="*/ 0 w 252150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23575 w 242625"/>
              <a:gd name="connsiteY2" fmla="*/ 148762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33100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185475 w 242625"/>
              <a:gd name="connsiteY2" fmla="*/ 1459050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42625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5604"/>
              <a:gd name="connsiteY0" fmla="*/ 486365 h 1926365"/>
              <a:gd name="connsiteX1" fmla="*/ 245604 w 245604"/>
              <a:gd name="connsiteY1" fmla="*/ 0 h 1926365"/>
              <a:gd name="connsiteX2" fmla="*/ 242625 w 245604"/>
              <a:gd name="connsiteY2" fmla="*/ 1459640 h 1926365"/>
              <a:gd name="connsiteX3" fmla="*/ 0 w 245604"/>
              <a:gd name="connsiteY3" fmla="*/ 1926365 h 1926365"/>
              <a:gd name="connsiteX4" fmla="*/ 0 w 245604"/>
              <a:gd name="connsiteY4" fmla="*/ 486365 h 1926365"/>
              <a:gd name="connsiteX0" fmla="*/ 0 w 248583"/>
              <a:gd name="connsiteY0" fmla="*/ 486365 h 1926365"/>
              <a:gd name="connsiteX1" fmla="*/ 248583 w 248583"/>
              <a:gd name="connsiteY1" fmla="*/ 0 h 1926365"/>
              <a:gd name="connsiteX2" fmla="*/ 242625 w 248583"/>
              <a:gd name="connsiteY2" fmla="*/ 1459640 h 1926365"/>
              <a:gd name="connsiteX3" fmla="*/ 0 w 248583"/>
              <a:gd name="connsiteY3" fmla="*/ 1926365 h 1926365"/>
              <a:gd name="connsiteX4" fmla="*/ 0 w 248583"/>
              <a:gd name="connsiteY4" fmla="*/ 486365 h 1926365"/>
              <a:gd name="connsiteX0" fmla="*/ 0 w 242626"/>
              <a:gd name="connsiteY0" fmla="*/ 486365 h 1926365"/>
              <a:gd name="connsiteX1" fmla="*/ 242626 w 242626"/>
              <a:gd name="connsiteY1" fmla="*/ 0 h 1926365"/>
              <a:gd name="connsiteX2" fmla="*/ 242625 w 242626"/>
              <a:gd name="connsiteY2" fmla="*/ 1459640 h 1926365"/>
              <a:gd name="connsiteX3" fmla="*/ 0 w 242626"/>
              <a:gd name="connsiteY3" fmla="*/ 1926365 h 1926365"/>
              <a:gd name="connsiteX4" fmla="*/ 0 w 242626"/>
              <a:gd name="connsiteY4" fmla="*/ 486365 h 1926365"/>
              <a:gd name="connsiteX0" fmla="*/ 0 w 388014"/>
              <a:gd name="connsiteY0" fmla="*/ 286068 h 1726068"/>
              <a:gd name="connsiteX1" fmla="*/ 388014 w 388014"/>
              <a:gd name="connsiteY1" fmla="*/ 0 h 1726068"/>
              <a:gd name="connsiteX2" fmla="*/ 242625 w 388014"/>
              <a:gd name="connsiteY2" fmla="*/ 1259343 h 1726068"/>
              <a:gd name="connsiteX3" fmla="*/ 0 w 388014"/>
              <a:gd name="connsiteY3" fmla="*/ 1726068 h 1726068"/>
              <a:gd name="connsiteX4" fmla="*/ 0 w 388014"/>
              <a:gd name="connsiteY4" fmla="*/ 286068 h 1726068"/>
              <a:gd name="connsiteX0" fmla="*/ 0 w 396565"/>
              <a:gd name="connsiteY0" fmla="*/ 286068 h 1834109"/>
              <a:gd name="connsiteX1" fmla="*/ 388014 w 396565"/>
              <a:gd name="connsiteY1" fmla="*/ 0 h 1834109"/>
              <a:gd name="connsiteX2" fmla="*/ 396565 w 396565"/>
              <a:gd name="connsiteY2" fmla="*/ 1834109 h 1834109"/>
              <a:gd name="connsiteX3" fmla="*/ 0 w 396565"/>
              <a:gd name="connsiteY3" fmla="*/ 1726068 h 1834109"/>
              <a:gd name="connsiteX4" fmla="*/ 0 w 396565"/>
              <a:gd name="connsiteY4" fmla="*/ 286068 h 1834109"/>
              <a:gd name="connsiteX0" fmla="*/ 0 w 396565"/>
              <a:gd name="connsiteY0" fmla="*/ 286068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86068 h 2091828"/>
              <a:gd name="connsiteX0" fmla="*/ 0 w 396565"/>
              <a:gd name="connsiteY0" fmla="*/ 251234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1234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9462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0910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6"/>
              <a:gd name="connsiteY0" fmla="*/ 259942 h 2091828"/>
              <a:gd name="connsiteX1" fmla="*/ 396566 w 396566"/>
              <a:gd name="connsiteY1" fmla="*/ 0 h 2091828"/>
              <a:gd name="connsiteX2" fmla="*/ 396565 w 396566"/>
              <a:gd name="connsiteY2" fmla="*/ 1834109 h 2091828"/>
              <a:gd name="connsiteX3" fmla="*/ 0 w 396566"/>
              <a:gd name="connsiteY3" fmla="*/ 2091828 h 2091828"/>
              <a:gd name="connsiteX4" fmla="*/ 0 w 396566"/>
              <a:gd name="connsiteY4" fmla="*/ 259942 h 209182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6566" h="2091828">
                <a:moveTo>
                  <a:pt x="0" y="259942"/>
                </a:moveTo>
                <a:lnTo>
                  <a:pt x="396566" y="0"/>
                </a:lnTo>
                <a:cubicBezTo>
                  <a:pt x="396566" y="486547"/>
                  <a:pt x="396565" y="1347562"/>
                  <a:pt x="396565" y="1834109"/>
                </a:cubicBezTo>
                <a:lnTo>
                  <a:pt x="0" y="2091828"/>
                </a:lnTo>
                <a:lnTo>
                  <a:pt x="0" y="259942"/>
                </a:lnTo>
                <a:close/>
              </a:path>
            </a:pathLst>
          </a:cu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grpSp>
        <p:nvGrpSpPr>
          <p:cNvPr id="10" name="组合 9">
            <a:extLst>
              <a:ext uri="{FF2B5EF4-FFF2-40B4-BE49-F238E27FC236}">
                <a16:creationId xmlns:a16="http://schemas.microsoft.com/office/drawing/2014/main" id="{C871CCC9-FB38-4DE6-B113-DDB3A2E8A384}"/>
              </a:ext>
            </a:extLst>
          </p:cNvPr>
          <p:cNvGrpSpPr/>
          <p:nvPr/>
        </p:nvGrpSpPr>
        <p:grpSpPr>
          <a:xfrm>
            <a:off x="3337438" y="1019267"/>
            <a:ext cx="1743729" cy="2813667"/>
            <a:chOff x="3460761" y="4211053"/>
            <a:chExt cx="1743729" cy="2813667"/>
          </a:xfrm>
        </p:grpSpPr>
        <p:sp>
          <p:nvSpPr>
            <p:cNvPr id="30" name="矩形 85">
              <a:extLst>
                <a:ext uri="{FF2B5EF4-FFF2-40B4-BE49-F238E27FC236}">
                  <a16:creationId xmlns:a16="http://schemas.microsoft.com/office/drawing/2014/main" id="{0D3C31EC-46A9-44CE-9B8F-84A6A6DBEB49}"/>
                </a:ext>
              </a:extLst>
            </p:cNvPr>
            <p:cNvSpPr/>
            <p:nvPr/>
          </p:nvSpPr>
          <p:spPr>
            <a:xfrm flipH="1">
              <a:off x="3460761" y="4647498"/>
              <a:ext cx="552149" cy="2001057"/>
            </a:xfrm>
            <a:custGeom>
              <a:avLst/>
              <a:gdLst>
                <a:gd name="connsiteX0" fmla="*/ 0 w 576000"/>
                <a:gd name="connsiteY0" fmla="*/ 0 h 1440000"/>
                <a:gd name="connsiteX1" fmla="*/ 576000 w 576000"/>
                <a:gd name="connsiteY1" fmla="*/ 0 h 1440000"/>
                <a:gd name="connsiteX2" fmla="*/ 576000 w 576000"/>
                <a:gd name="connsiteY2" fmla="*/ 1440000 h 1440000"/>
                <a:gd name="connsiteX3" fmla="*/ 0 w 576000"/>
                <a:gd name="connsiteY3" fmla="*/ 1440000 h 1440000"/>
                <a:gd name="connsiteX4" fmla="*/ 0 w 576000"/>
                <a:gd name="connsiteY4" fmla="*/ 0 h 1440000"/>
                <a:gd name="connsiteX0" fmla="*/ 0 w 576000"/>
                <a:gd name="connsiteY0" fmla="*/ 495300 h 1935300"/>
                <a:gd name="connsiteX1" fmla="*/ 242625 w 576000"/>
                <a:gd name="connsiteY1" fmla="*/ 0 h 1935300"/>
                <a:gd name="connsiteX2" fmla="*/ 576000 w 576000"/>
                <a:gd name="connsiteY2" fmla="*/ 1935300 h 1935300"/>
                <a:gd name="connsiteX3" fmla="*/ 0 w 576000"/>
                <a:gd name="connsiteY3" fmla="*/ 1935300 h 1935300"/>
                <a:gd name="connsiteX4" fmla="*/ 0 w 576000"/>
                <a:gd name="connsiteY4" fmla="*/ 495300 h 1935300"/>
                <a:gd name="connsiteX0" fmla="*/ 0 w 299775"/>
                <a:gd name="connsiteY0" fmla="*/ 495300 h 1935300"/>
                <a:gd name="connsiteX1" fmla="*/ 242625 w 299775"/>
                <a:gd name="connsiteY1" fmla="*/ 0 h 1935300"/>
                <a:gd name="connsiteX2" fmla="*/ 299775 w 299775"/>
                <a:gd name="connsiteY2" fmla="*/ 1792425 h 1935300"/>
                <a:gd name="connsiteX3" fmla="*/ 0 w 299775"/>
                <a:gd name="connsiteY3" fmla="*/ 1935300 h 1935300"/>
                <a:gd name="connsiteX4" fmla="*/ 0 w 299775"/>
                <a:gd name="connsiteY4" fmla="*/ 495300 h 1935300"/>
                <a:gd name="connsiteX0" fmla="*/ 0 w 299775"/>
                <a:gd name="connsiteY0" fmla="*/ 495300 h 1935300"/>
                <a:gd name="connsiteX1" fmla="*/ 242625 w 299775"/>
                <a:gd name="connsiteY1" fmla="*/ 0 h 1935300"/>
                <a:gd name="connsiteX2" fmla="*/ 299775 w 299775"/>
                <a:gd name="connsiteY2" fmla="*/ 1735275 h 1935300"/>
                <a:gd name="connsiteX3" fmla="*/ 0 w 299775"/>
                <a:gd name="connsiteY3" fmla="*/ 1935300 h 1935300"/>
                <a:gd name="connsiteX4" fmla="*/ 0 w 299775"/>
                <a:gd name="connsiteY4" fmla="*/ 495300 h 1935300"/>
                <a:gd name="connsiteX0" fmla="*/ 0 w 309300"/>
                <a:gd name="connsiteY0" fmla="*/ 495300 h 1935300"/>
                <a:gd name="connsiteX1" fmla="*/ 242625 w 309300"/>
                <a:gd name="connsiteY1" fmla="*/ 0 h 1935300"/>
                <a:gd name="connsiteX2" fmla="*/ 309300 w 309300"/>
                <a:gd name="connsiteY2" fmla="*/ 1678125 h 1935300"/>
                <a:gd name="connsiteX3" fmla="*/ 0 w 309300"/>
                <a:gd name="connsiteY3" fmla="*/ 1935300 h 1935300"/>
                <a:gd name="connsiteX4" fmla="*/ 0 w 309300"/>
                <a:gd name="connsiteY4" fmla="*/ 495300 h 1935300"/>
                <a:gd name="connsiteX0" fmla="*/ 0 w 252150"/>
                <a:gd name="connsiteY0" fmla="*/ 495300 h 1935300"/>
                <a:gd name="connsiteX1" fmla="*/ 242625 w 252150"/>
                <a:gd name="connsiteY1" fmla="*/ 0 h 1935300"/>
                <a:gd name="connsiteX2" fmla="*/ 252150 w 252150"/>
                <a:gd name="connsiteY2" fmla="*/ 1687650 h 1935300"/>
                <a:gd name="connsiteX3" fmla="*/ 0 w 252150"/>
                <a:gd name="connsiteY3" fmla="*/ 1935300 h 1935300"/>
                <a:gd name="connsiteX4" fmla="*/ 0 w 252150"/>
                <a:gd name="connsiteY4" fmla="*/ 495300 h 1935300"/>
                <a:gd name="connsiteX0" fmla="*/ 0 w 242625"/>
                <a:gd name="connsiteY0" fmla="*/ 495300 h 1935300"/>
                <a:gd name="connsiteX1" fmla="*/ 242625 w 242625"/>
                <a:gd name="connsiteY1" fmla="*/ 0 h 1935300"/>
                <a:gd name="connsiteX2" fmla="*/ 223575 w 242625"/>
                <a:gd name="connsiteY2" fmla="*/ 1487625 h 1935300"/>
                <a:gd name="connsiteX3" fmla="*/ 0 w 242625"/>
                <a:gd name="connsiteY3" fmla="*/ 1935300 h 1935300"/>
                <a:gd name="connsiteX4" fmla="*/ 0 w 242625"/>
                <a:gd name="connsiteY4" fmla="*/ 495300 h 1935300"/>
                <a:gd name="connsiteX0" fmla="*/ 0 w 242625"/>
                <a:gd name="connsiteY0" fmla="*/ 495300 h 1935300"/>
                <a:gd name="connsiteX1" fmla="*/ 242625 w 242625"/>
                <a:gd name="connsiteY1" fmla="*/ 0 h 1935300"/>
                <a:gd name="connsiteX2" fmla="*/ 233100 w 242625"/>
                <a:gd name="connsiteY2" fmla="*/ 1468575 h 1935300"/>
                <a:gd name="connsiteX3" fmla="*/ 0 w 242625"/>
                <a:gd name="connsiteY3" fmla="*/ 1935300 h 1935300"/>
                <a:gd name="connsiteX4" fmla="*/ 0 w 242625"/>
                <a:gd name="connsiteY4" fmla="*/ 495300 h 1935300"/>
                <a:gd name="connsiteX0" fmla="*/ 0 w 242625"/>
                <a:gd name="connsiteY0" fmla="*/ 495300 h 1935300"/>
                <a:gd name="connsiteX1" fmla="*/ 242625 w 242625"/>
                <a:gd name="connsiteY1" fmla="*/ 0 h 1935300"/>
                <a:gd name="connsiteX2" fmla="*/ 185475 w 242625"/>
                <a:gd name="connsiteY2" fmla="*/ 1459050 h 1935300"/>
                <a:gd name="connsiteX3" fmla="*/ 0 w 242625"/>
                <a:gd name="connsiteY3" fmla="*/ 1935300 h 1935300"/>
                <a:gd name="connsiteX4" fmla="*/ 0 w 242625"/>
                <a:gd name="connsiteY4" fmla="*/ 495300 h 1935300"/>
                <a:gd name="connsiteX0" fmla="*/ 0 w 242625"/>
                <a:gd name="connsiteY0" fmla="*/ 495300 h 1935300"/>
                <a:gd name="connsiteX1" fmla="*/ 242625 w 242625"/>
                <a:gd name="connsiteY1" fmla="*/ 0 h 1935300"/>
                <a:gd name="connsiteX2" fmla="*/ 242625 w 242625"/>
                <a:gd name="connsiteY2" fmla="*/ 1468575 h 1935300"/>
                <a:gd name="connsiteX3" fmla="*/ 0 w 242625"/>
                <a:gd name="connsiteY3" fmla="*/ 1935300 h 1935300"/>
                <a:gd name="connsiteX4" fmla="*/ 0 w 242625"/>
                <a:gd name="connsiteY4" fmla="*/ 495300 h 1935300"/>
                <a:gd name="connsiteX0" fmla="*/ 0 w 245604"/>
                <a:gd name="connsiteY0" fmla="*/ 486365 h 1926365"/>
                <a:gd name="connsiteX1" fmla="*/ 245604 w 245604"/>
                <a:gd name="connsiteY1" fmla="*/ 0 h 1926365"/>
                <a:gd name="connsiteX2" fmla="*/ 242625 w 245604"/>
                <a:gd name="connsiteY2" fmla="*/ 1459640 h 1926365"/>
                <a:gd name="connsiteX3" fmla="*/ 0 w 245604"/>
                <a:gd name="connsiteY3" fmla="*/ 1926365 h 1926365"/>
                <a:gd name="connsiteX4" fmla="*/ 0 w 245604"/>
                <a:gd name="connsiteY4" fmla="*/ 486365 h 1926365"/>
                <a:gd name="connsiteX0" fmla="*/ 0 w 248583"/>
                <a:gd name="connsiteY0" fmla="*/ 486365 h 1926365"/>
                <a:gd name="connsiteX1" fmla="*/ 248583 w 248583"/>
                <a:gd name="connsiteY1" fmla="*/ 0 h 1926365"/>
                <a:gd name="connsiteX2" fmla="*/ 242625 w 248583"/>
                <a:gd name="connsiteY2" fmla="*/ 1459640 h 1926365"/>
                <a:gd name="connsiteX3" fmla="*/ 0 w 248583"/>
                <a:gd name="connsiteY3" fmla="*/ 1926365 h 1926365"/>
                <a:gd name="connsiteX4" fmla="*/ 0 w 248583"/>
                <a:gd name="connsiteY4" fmla="*/ 486365 h 1926365"/>
                <a:gd name="connsiteX0" fmla="*/ 0 w 242626"/>
                <a:gd name="connsiteY0" fmla="*/ 486365 h 1926365"/>
                <a:gd name="connsiteX1" fmla="*/ 242626 w 242626"/>
                <a:gd name="connsiteY1" fmla="*/ 0 h 1926365"/>
                <a:gd name="connsiteX2" fmla="*/ 242625 w 242626"/>
                <a:gd name="connsiteY2" fmla="*/ 1459640 h 1926365"/>
                <a:gd name="connsiteX3" fmla="*/ 0 w 242626"/>
                <a:gd name="connsiteY3" fmla="*/ 1926365 h 1926365"/>
                <a:gd name="connsiteX4" fmla="*/ 0 w 242626"/>
                <a:gd name="connsiteY4" fmla="*/ 486365 h 1926365"/>
                <a:gd name="connsiteX0" fmla="*/ 0 w 388014"/>
                <a:gd name="connsiteY0" fmla="*/ 286068 h 1726068"/>
                <a:gd name="connsiteX1" fmla="*/ 388014 w 388014"/>
                <a:gd name="connsiteY1" fmla="*/ 0 h 1726068"/>
                <a:gd name="connsiteX2" fmla="*/ 242625 w 388014"/>
                <a:gd name="connsiteY2" fmla="*/ 1259343 h 1726068"/>
                <a:gd name="connsiteX3" fmla="*/ 0 w 388014"/>
                <a:gd name="connsiteY3" fmla="*/ 1726068 h 1726068"/>
                <a:gd name="connsiteX4" fmla="*/ 0 w 388014"/>
                <a:gd name="connsiteY4" fmla="*/ 286068 h 1726068"/>
                <a:gd name="connsiteX0" fmla="*/ 0 w 396565"/>
                <a:gd name="connsiteY0" fmla="*/ 286068 h 1834109"/>
                <a:gd name="connsiteX1" fmla="*/ 388014 w 396565"/>
                <a:gd name="connsiteY1" fmla="*/ 0 h 1834109"/>
                <a:gd name="connsiteX2" fmla="*/ 396565 w 396565"/>
                <a:gd name="connsiteY2" fmla="*/ 1834109 h 1834109"/>
                <a:gd name="connsiteX3" fmla="*/ 0 w 396565"/>
                <a:gd name="connsiteY3" fmla="*/ 1726068 h 1834109"/>
                <a:gd name="connsiteX4" fmla="*/ 0 w 396565"/>
                <a:gd name="connsiteY4" fmla="*/ 286068 h 1834109"/>
                <a:gd name="connsiteX0" fmla="*/ 0 w 396565"/>
                <a:gd name="connsiteY0" fmla="*/ 286068 h 2091828"/>
                <a:gd name="connsiteX1" fmla="*/ 388014 w 396565"/>
                <a:gd name="connsiteY1" fmla="*/ 0 h 2091828"/>
                <a:gd name="connsiteX2" fmla="*/ 396565 w 396565"/>
                <a:gd name="connsiteY2" fmla="*/ 1834109 h 2091828"/>
                <a:gd name="connsiteX3" fmla="*/ 0 w 396565"/>
                <a:gd name="connsiteY3" fmla="*/ 2091828 h 2091828"/>
                <a:gd name="connsiteX4" fmla="*/ 0 w 396565"/>
                <a:gd name="connsiteY4" fmla="*/ 286068 h 2091828"/>
                <a:gd name="connsiteX0" fmla="*/ 0 w 396565"/>
                <a:gd name="connsiteY0" fmla="*/ 251234 h 2091828"/>
                <a:gd name="connsiteX1" fmla="*/ 388014 w 396565"/>
                <a:gd name="connsiteY1" fmla="*/ 0 h 2091828"/>
                <a:gd name="connsiteX2" fmla="*/ 396565 w 396565"/>
                <a:gd name="connsiteY2" fmla="*/ 1834109 h 2091828"/>
                <a:gd name="connsiteX3" fmla="*/ 0 w 396565"/>
                <a:gd name="connsiteY3" fmla="*/ 2091828 h 2091828"/>
                <a:gd name="connsiteX4" fmla="*/ 0 w 396565"/>
                <a:gd name="connsiteY4" fmla="*/ 251234 h 2091828"/>
                <a:gd name="connsiteX0" fmla="*/ 0 w 396565"/>
                <a:gd name="connsiteY0" fmla="*/ 259942 h 2091828"/>
                <a:gd name="connsiteX1" fmla="*/ 388014 w 396565"/>
                <a:gd name="connsiteY1" fmla="*/ 0 h 2091828"/>
                <a:gd name="connsiteX2" fmla="*/ 396565 w 396565"/>
                <a:gd name="connsiteY2" fmla="*/ 1834109 h 2091828"/>
                <a:gd name="connsiteX3" fmla="*/ 0 w 396565"/>
                <a:gd name="connsiteY3" fmla="*/ 2091828 h 2091828"/>
                <a:gd name="connsiteX4" fmla="*/ 0 w 396565"/>
                <a:gd name="connsiteY4" fmla="*/ 259942 h 2091828"/>
                <a:gd name="connsiteX0" fmla="*/ 0 w 396565"/>
                <a:gd name="connsiteY0" fmla="*/ 259942 h 2091828"/>
                <a:gd name="connsiteX1" fmla="*/ 379462 w 396565"/>
                <a:gd name="connsiteY1" fmla="*/ 0 h 2091828"/>
                <a:gd name="connsiteX2" fmla="*/ 396565 w 396565"/>
                <a:gd name="connsiteY2" fmla="*/ 1834109 h 2091828"/>
                <a:gd name="connsiteX3" fmla="*/ 0 w 396565"/>
                <a:gd name="connsiteY3" fmla="*/ 2091828 h 2091828"/>
                <a:gd name="connsiteX4" fmla="*/ 0 w 396565"/>
                <a:gd name="connsiteY4" fmla="*/ 259942 h 2091828"/>
                <a:gd name="connsiteX0" fmla="*/ 0 w 396565"/>
                <a:gd name="connsiteY0" fmla="*/ 259942 h 2091828"/>
                <a:gd name="connsiteX1" fmla="*/ 370910 w 396565"/>
                <a:gd name="connsiteY1" fmla="*/ 0 h 2091828"/>
                <a:gd name="connsiteX2" fmla="*/ 396565 w 396565"/>
                <a:gd name="connsiteY2" fmla="*/ 1834109 h 2091828"/>
                <a:gd name="connsiteX3" fmla="*/ 0 w 396565"/>
                <a:gd name="connsiteY3" fmla="*/ 2091828 h 2091828"/>
                <a:gd name="connsiteX4" fmla="*/ 0 w 396565"/>
                <a:gd name="connsiteY4" fmla="*/ 259942 h 2091828"/>
                <a:gd name="connsiteX0" fmla="*/ 0 w 396565"/>
                <a:gd name="connsiteY0" fmla="*/ 259942 h 2091828"/>
                <a:gd name="connsiteX1" fmla="*/ 388014 w 396565"/>
                <a:gd name="connsiteY1" fmla="*/ 0 h 2091828"/>
                <a:gd name="connsiteX2" fmla="*/ 396565 w 396565"/>
                <a:gd name="connsiteY2" fmla="*/ 1834109 h 2091828"/>
                <a:gd name="connsiteX3" fmla="*/ 0 w 396565"/>
                <a:gd name="connsiteY3" fmla="*/ 2091828 h 2091828"/>
                <a:gd name="connsiteX4" fmla="*/ 0 w 396565"/>
                <a:gd name="connsiteY4" fmla="*/ 259942 h 2091828"/>
                <a:gd name="connsiteX0" fmla="*/ 0 w 396566"/>
                <a:gd name="connsiteY0" fmla="*/ 259942 h 2091828"/>
                <a:gd name="connsiteX1" fmla="*/ 396566 w 396566"/>
                <a:gd name="connsiteY1" fmla="*/ 0 h 2091828"/>
                <a:gd name="connsiteX2" fmla="*/ 396565 w 396566"/>
                <a:gd name="connsiteY2" fmla="*/ 1834109 h 2091828"/>
                <a:gd name="connsiteX3" fmla="*/ 0 w 396566"/>
                <a:gd name="connsiteY3" fmla="*/ 2091828 h 2091828"/>
                <a:gd name="connsiteX4" fmla="*/ 0 w 396566"/>
                <a:gd name="connsiteY4" fmla="*/ 259942 h 2091828"/>
                <a:gd name="connsiteX0" fmla="*/ 0 w 527400"/>
                <a:gd name="connsiteY0" fmla="*/ 129313 h 2091828"/>
                <a:gd name="connsiteX1" fmla="*/ 527400 w 527400"/>
                <a:gd name="connsiteY1" fmla="*/ 0 h 2091828"/>
                <a:gd name="connsiteX2" fmla="*/ 527399 w 527400"/>
                <a:gd name="connsiteY2" fmla="*/ 1834109 h 2091828"/>
                <a:gd name="connsiteX3" fmla="*/ 130834 w 527400"/>
                <a:gd name="connsiteY3" fmla="*/ 2091828 h 2091828"/>
                <a:gd name="connsiteX4" fmla="*/ 0 w 527400"/>
                <a:gd name="connsiteY4" fmla="*/ 129313 h 2091828"/>
                <a:gd name="connsiteX0" fmla="*/ 0 w 527400"/>
                <a:gd name="connsiteY0" fmla="*/ 129313 h 1978617"/>
                <a:gd name="connsiteX1" fmla="*/ 527400 w 527400"/>
                <a:gd name="connsiteY1" fmla="*/ 0 h 1978617"/>
                <a:gd name="connsiteX2" fmla="*/ 527399 w 527400"/>
                <a:gd name="connsiteY2" fmla="*/ 1834109 h 1978617"/>
                <a:gd name="connsiteX3" fmla="*/ 8723 w 527400"/>
                <a:gd name="connsiteY3" fmla="*/ 1978617 h 1978617"/>
                <a:gd name="connsiteX4" fmla="*/ 0 w 527400"/>
                <a:gd name="connsiteY4" fmla="*/ 129313 h 1978617"/>
                <a:gd name="connsiteX0" fmla="*/ 0 w 527400"/>
                <a:gd name="connsiteY0" fmla="*/ 149861 h 1978617"/>
                <a:gd name="connsiteX1" fmla="*/ 527400 w 527400"/>
                <a:gd name="connsiteY1" fmla="*/ 0 h 1978617"/>
                <a:gd name="connsiteX2" fmla="*/ 527399 w 527400"/>
                <a:gd name="connsiteY2" fmla="*/ 1834109 h 1978617"/>
                <a:gd name="connsiteX3" fmla="*/ 8723 w 527400"/>
                <a:gd name="connsiteY3" fmla="*/ 1978617 h 1978617"/>
                <a:gd name="connsiteX4" fmla="*/ 0 w 527400"/>
                <a:gd name="connsiteY4" fmla="*/ 149861 h 1978617"/>
                <a:gd name="connsiteX0" fmla="*/ 0 w 527400"/>
                <a:gd name="connsiteY0" fmla="*/ 149861 h 1995447"/>
                <a:gd name="connsiteX1" fmla="*/ 527400 w 527400"/>
                <a:gd name="connsiteY1" fmla="*/ 0 h 1995447"/>
                <a:gd name="connsiteX2" fmla="*/ 527399 w 527400"/>
                <a:gd name="connsiteY2" fmla="*/ 1834109 h 1995447"/>
                <a:gd name="connsiteX3" fmla="*/ 8723 w 527400"/>
                <a:gd name="connsiteY3" fmla="*/ 1995447 h 1995447"/>
                <a:gd name="connsiteX4" fmla="*/ 0 w 527400"/>
                <a:gd name="connsiteY4" fmla="*/ 149861 h 1995447"/>
                <a:gd name="connsiteX0" fmla="*/ 0 w 527400"/>
                <a:gd name="connsiteY0" fmla="*/ 166690 h 1995447"/>
                <a:gd name="connsiteX1" fmla="*/ 527400 w 527400"/>
                <a:gd name="connsiteY1" fmla="*/ 0 h 1995447"/>
                <a:gd name="connsiteX2" fmla="*/ 527399 w 527400"/>
                <a:gd name="connsiteY2" fmla="*/ 1834109 h 1995447"/>
                <a:gd name="connsiteX3" fmla="*/ 8723 w 527400"/>
                <a:gd name="connsiteY3" fmla="*/ 1995447 h 1995447"/>
                <a:gd name="connsiteX4" fmla="*/ 0 w 527400"/>
                <a:gd name="connsiteY4" fmla="*/ 166690 h 1995447"/>
                <a:gd name="connsiteX0" fmla="*/ 0 w 549875"/>
                <a:gd name="connsiteY0" fmla="*/ 166690 h 1995447"/>
                <a:gd name="connsiteX1" fmla="*/ 549875 w 549875"/>
                <a:gd name="connsiteY1" fmla="*/ 0 h 1995447"/>
                <a:gd name="connsiteX2" fmla="*/ 549874 w 549875"/>
                <a:gd name="connsiteY2" fmla="*/ 1834109 h 1995447"/>
                <a:gd name="connsiteX3" fmla="*/ 31198 w 549875"/>
                <a:gd name="connsiteY3" fmla="*/ 1995447 h 1995447"/>
                <a:gd name="connsiteX4" fmla="*/ 0 w 549875"/>
                <a:gd name="connsiteY4" fmla="*/ 166690 h 1995447"/>
                <a:gd name="connsiteX0" fmla="*/ 0 w 544257"/>
                <a:gd name="connsiteY0" fmla="*/ 166690 h 1995447"/>
                <a:gd name="connsiteX1" fmla="*/ 544257 w 544257"/>
                <a:gd name="connsiteY1" fmla="*/ 0 h 1995447"/>
                <a:gd name="connsiteX2" fmla="*/ 544256 w 544257"/>
                <a:gd name="connsiteY2" fmla="*/ 1834109 h 1995447"/>
                <a:gd name="connsiteX3" fmla="*/ 25580 w 544257"/>
                <a:gd name="connsiteY3" fmla="*/ 1995447 h 1995447"/>
                <a:gd name="connsiteX4" fmla="*/ 0 w 544257"/>
                <a:gd name="connsiteY4" fmla="*/ 166690 h 1995447"/>
                <a:gd name="connsiteX0" fmla="*/ 8532 w 552789"/>
                <a:gd name="connsiteY0" fmla="*/ 166690 h 2001057"/>
                <a:gd name="connsiteX1" fmla="*/ 552789 w 552789"/>
                <a:gd name="connsiteY1" fmla="*/ 0 h 2001057"/>
                <a:gd name="connsiteX2" fmla="*/ 552788 w 552789"/>
                <a:gd name="connsiteY2" fmla="*/ 1834109 h 2001057"/>
                <a:gd name="connsiteX3" fmla="*/ 401 w 552789"/>
                <a:gd name="connsiteY3" fmla="*/ 2001057 h 2001057"/>
                <a:gd name="connsiteX4" fmla="*/ 8532 w 552789"/>
                <a:gd name="connsiteY4" fmla="*/ 166690 h 2001057"/>
                <a:gd name="connsiteX0" fmla="*/ 3139 w 553014"/>
                <a:gd name="connsiteY0" fmla="*/ 166690 h 2001057"/>
                <a:gd name="connsiteX1" fmla="*/ 553014 w 553014"/>
                <a:gd name="connsiteY1" fmla="*/ 0 h 2001057"/>
                <a:gd name="connsiteX2" fmla="*/ 553013 w 553014"/>
                <a:gd name="connsiteY2" fmla="*/ 1834109 h 2001057"/>
                <a:gd name="connsiteX3" fmla="*/ 626 w 553014"/>
                <a:gd name="connsiteY3" fmla="*/ 2001057 h 2001057"/>
                <a:gd name="connsiteX4" fmla="*/ 3139 w 553014"/>
                <a:gd name="connsiteY4" fmla="*/ 166690 h 200105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53014" h="2001057">
                  <a:moveTo>
                    <a:pt x="3139" y="166690"/>
                  </a:moveTo>
                  <a:cubicBezTo>
                    <a:pt x="178939" y="123586"/>
                    <a:pt x="377214" y="43104"/>
                    <a:pt x="553014" y="0"/>
                  </a:cubicBezTo>
                  <a:cubicBezTo>
                    <a:pt x="553014" y="486547"/>
                    <a:pt x="553013" y="1347562"/>
                    <a:pt x="553013" y="1834109"/>
                  </a:cubicBezTo>
                  <a:lnTo>
                    <a:pt x="626" y="2001057"/>
                  </a:lnTo>
                  <a:cubicBezTo>
                    <a:pt x="-2282" y="1384622"/>
                    <a:pt x="6047" y="783125"/>
                    <a:pt x="3139" y="166690"/>
                  </a:cubicBezTo>
                  <a:close/>
                </a:path>
              </a:pathLst>
            </a:custGeom>
            <a:solidFill>
              <a:schemeClr val="accent4">
                <a:lumMod val="20000"/>
                <a:lumOff val="8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34" name="矩形 38">
              <a:extLst>
                <a:ext uri="{FF2B5EF4-FFF2-40B4-BE49-F238E27FC236}">
                  <a16:creationId xmlns:a16="http://schemas.microsoft.com/office/drawing/2014/main" id="{807A02E2-30FE-479C-BC72-98BA625E7110}"/>
                </a:ext>
              </a:extLst>
            </p:cNvPr>
            <p:cNvSpPr/>
            <p:nvPr/>
          </p:nvSpPr>
          <p:spPr>
            <a:xfrm>
              <a:off x="4003624" y="4818862"/>
              <a:ext cx="1200866" cy="2205858"/>
            </a:xfrm>
            <a:custGeom>
              <a:avLst/>
              <a:gdLst>
                <a:gd name="connsiteX0" fmla="*/ 0 w 1198800"/>
                <a:gd name="connsiteY0" fmla="*/ 0 h 1832270"/>
                <a:gd name="connsiteX1" fmla="*/ 1198800 w 1198800"/>
                <a:gd name="connsiteY1" fmla="*/ 0 h 1832270"/>
                <a:gd name="connsiteX2" fmla="*/ 1198800 w 1198800"/>
                <a:gd name="connsiteY2" fmla="*/ 1832270 h 1832270"/>
                <a:gd name="connsiteX3" fmla="*/ 0 w 1198800"/>
                <a:gd name="connsiteY3" fmla="*/ 1832270 h 1832270"/>
                <a:gd name="connsiteX4" fmla="*/ 0 w 1198800"/>
                <a:gd name="connsiteY4" fmla="*/ 0 h 1832270"/>
                <a:gd name="connsiteX0" fmla="*/ 0 w 1198800"/>
                <a:gd name="connsiteY0" fmla="*/ 0 h 1832270"/>
                <a:gd name="connsiteX1" fmla="*/ 1198800 w 1198800"/>
                <a:gd name="connsiteY1" fmla="*/ 441789 h 1832270"/>
                <a:gd name="connsiteX2" fmla="*/ 1198800 w 1198800"/>
                <a:gd name="connsiteY2" fmla="*/ 1832270 h 1832270"/>
                <a:gd name="connsiteX3" fmla="*/ 0 w 1198800"/>
                <a:gd name="connsiteY3" fmla="*/ 1832270 h 1832270"/>
                <a:gd name="connsiteX4" fmla="*/ 0 w 1198800"/>
                <a:gd name="connsiteY4" fmla="*/ 0 h 1832270"/>
                <a:gd name="connsiteX0" fmla="*/ 0 w 1209074"/>
                <a:gd name="connsiteY0" fmla="*/ 0 h 2222688"/>
                <a:gd name="connsiteX1" fmla="*/ 1198800 w 1209074"/>
                <a:gd name="connsiteY1" fmla="*/ 441789 h 2222688"/>
                <a:gd name="connsiteX2" fmla="*/ 1209074 w 1209074"/>
                <a:gd name="connsiteY2" fmla="*/ 2222688 h 2222688"/>
                <a:gd name="connsiteX3" fmla="*/ 0 w 1209074"/>
                <a:gd name="connsiteY3" fmla="*/ 1832270 h 2222688"/>
                <a:gd name="connsiteX4" fmla="*/ 0 w 1209074"/>
                <a:gd name="connsiteY4" fmla="*/ 0 h 2222688"/>
                <a:gd name="connsiteX0" fmla="*/ 0 w 1199255"/>
                <a:gd name="connsiteY0" fmla="*/ 0 h 2212413"/>
                <a:gd name="connsiteX1" fmla="*/ 1198800 w 1199255"/>
                <a:gd name="connsiteY1" fmla="*/ 441789 h 2212413"/>
                <a:gd name="connsiteX2" fmla="*/ 1188525 w 1199255"/>
                <a:gd name="connsiteY2" fmla="*/ 2212413 h 2212413"/>
                <a:gd name="connsiteX3" fmla="*/ 0 w 1199255"/>
                <a:gd name="connsiteY3" fmla="*/ 1832270 h 2212413"/>
                <a:gd name="connsiteX4" fmla="*/ 0 w 1199255"/>
                <a:gd name="connsiteY4" fmla="*/ 0 h 2212413"/>
                <a:gd name="connsiteX0" fmla="*/ 0 w 1199788"/>
                <a:gd name="connsiteY0" fmla="*/ 0 h 2222687"/>
                <a:gd name="connsiteX1" fmla="*/ 1198800 w 1199788"/>
                <a:gd name="connsiteY1" fmla="*/ 441789 h 2222687"/>
                <a:gd name="connsiteX2" fmla="*/ 1198799 w 1199788"/>
                <a:gd name="connsiteY2" fmla="*/ 2222687 h 2222687"/>
                <a:gd name="connsiteX3" fmla="*/ 0 w 1199788"/>
                <a:gd name="connsiteY3" fmla="*/ 1832270 h 2222687"/>
                <a:gd name="connsiteX4" fmla="*/ 0 w 1199788"/>
                <a:gd name="connsiteY4" fmla="*/ 0 h 2222687"/>
                <a:gd name="connsiteX0" fmla="*/ 11220 w 1199788"/>
                <a:gd name="connsiteY0" fmla="*/ 0 h 2205858"/>
                <a:gd name="connsiteX1" fmla="*/ 1198800 w 1199788"/>
                <a:gd name="connsiteY1" fmla="*/ 424960 h 2205858"/>
                <a:gd name="connsiteX2" fmla="*/ 1198799 w 1199788"/>
                <a:gd name="connsiteY2" fmla="*/ 2205858 h 2205858"/>
                <a:gd name="connsiteX3" fmla="*/ 0 w 1199788"/>
                <a:gd name="connsiteY3" fmla="*/ 1815441 h 2205858"/>
                <a:gd name="connsiteX4" fmla="*/ 11220 w 1199788"/>
                <a:gd name="connsiteY4" fmla="*/ 0 h 2205858"/>
                <a:gd name="connsiteX0" fmla="*/ 11220 w 1199788"/>
                <a:gd name="connsiteY0" fmla="*/ 0 h 2205858"/>
                <a:gd name="connsiteX1" fmla="*/ 1198800 w 1199788"/>
                <a:gd name="connsiteY1" fmla="*/ 424960 h 2205858"/>
                <a:gd name="connsiteX2" fmla="*/ 1198799 w 1199788"/>
                <a:gd name="connsiteY2" fmla="*/ 2205858 h 2205858"/>
                <a:gd name="connsiteX3" fmla="*/ 0 w 1199788"/>
                <a:gd name="connsiteY3" fmla="*/ 1826661 h 2205858"/>
                <a:gd name="connsiteX4" fmla="*/ 11220 w 1199788"/>
                <a:gd name="connsiteY4" fmla="*/ 0 h 2205858"/>
                <a:gd name="connsiteX0" fmla="*/ 22440 w 1199788"/>
                <a:gd name="connsiteY0" fmla="*/ 0 h 2205858"/>
                <a:gd name="connsiteX1" fmla="*/ 1198800 w 1199788"/>
                <a:gd name="connsiteY1" fmla="*/ 424960 h 2205858"/>
                <a:gd name="connsiteX2" fmla="*/ 1198799 w 1199788"/>
                <a:gd name="connsiteY2" fmla="*/ 2205858 h 2205858"/>
                <a:gd name="connsiteX3" fmla="*/ 0 w 1199788"/>
                <a:gd name="connsiteY3" fmla="*/ 1826661 h 2205858"/>
                <a:gd name="connsiteX4" fmla="*/ 22440 w 1199788"/>
                <a:gd name="connsiteY4" fmla="*/ 0 h 2205858"/>
                <a:gd name="connsiteX0" fmla="*/ 11221 w 1199788"/>
                <a:gd name="connsiteY0" fmla="*/ 0 h 2205858"/>
                <a:gd name="connsiteX1" fmla="*/ 1198800 w 1199788"/>
                <a:gd name="connsiteY1" fmla="*/ 424960 h 2205858"/>
                <a:gd name="connsiteX2" fmla="*/ 1198799 w 1199788"/>
                <a:gd name="connsiteY2" fmla="*/ 2205858 h 2205858"/>
                <a:gd name="connsiteX3" fmla="*/ 0 w 1199788"/>
                <a:gd name="connsiteY3" fmla="*/ 1826661 h 2205858"/>
                <a:gd name="connsiteX4" fmla="*/ 11221 w 1199788"/>
                <a:gd name="connsiteY4" fmla="*/ 0 h 2205858"/>
                <a:gd name="connsiteX0" fmla="*/ 11221 w 1210454"/>
                <a:gd name="connsiteY0" fmla="*/ 0 h 2205858"/>
                <a:gd name="connsiteX1" fmla="*/ 1210020 w 1210454"/>
                <a:gd name="connsiteY1" fmla="*/ 368862 h 2205858"/>
                <a:gd name="connsiteX2" fmla="*/ 1198799 w 1210454"/>
                <a:gd name="connsiteY2" fmla="*/ 2205858 h 2205858"/>
                <a:gd name="connsiteX3" fmla="*/ 0 w 1210454"/>
                <a:gd name="connsiteY3" fmla="*/ 1826661 h 2205858"/>
                <a:gd name="connsiteX4" fmla="*/ 11221 w 1210454"/>
                <a:gd name="connsiteY4" fmla="*/ 0 h 2205858"/>
                <a:gd name="connsiteX0" fmla="*/ 16831 w 1210454"/>
                <a:gd name="connsiteY0" fmla="*/ 0 h 2205858"/>
                <a:gd name="connsiteX1" fmla="*/ 1210020 w 1210454"/>
                <a:gd name="connsiteY1" fmla="*/ 368862 h 2205858"/>
                <a:gd name="connsiteX2" fmla="*/ 1198799 w 1210454"/>
                <a:gd name="connsiteY2" fmla="*/ 2205858 h 2205858"/>
                <a:gd name="connsiteX3" fmla="*/ 0 w 1210454"/>
                <a:gd name="connsiteY3" fmla="*/ 1826661 h 2205858"/>
                <a:gd name="connsiteX4" fmla="*/ 16831 w 1210454"/>
                <a:gd name="connsiteY4" fmla="*/ 0 h 2205858"/>
                <a:gd name="connsiteX0" fmla="*/ 5611 w 1210454"/>
                <a:gd name="connsiteY0" fmla="*/ 0 h 2205858"/>
                <a:gd name="connsiteX1" fmla="*/ 1210020 w 1210454"/>
                <a:gd name="connsiteY1" fmla="*/ 368862 h 2205858"/>
                <a:gd name="connsiteX2" fmla="*/ 1198799 w 1210454"/>
                <a:gd name="connsiteY2" fmla="*/ 2205858 h 2205858"/>
                <a:gd name="connsiteX3" fmla="*/ 0 w 1210454"/>
                <a:gd name="connsiteY3" fmla="*/ 1826661 h 2205858"/>
                <a:gd name="connsiteX4" fmla="*/ 5611 w 1210454"/>
                <a:gd name="connsiteY4" fmla="*/ 0 h 2205858"/>
                <a:gd name="connsiteX0" fmla="*/ 1079 w 1211532"/>
                <a:gd name="connsiteY0" fmla="*/ 0 h 2205858"/>
                <a:gd name="connsiteX1" fmla="*/ 1211098 w 1211532"/>
                <a:gd name="connsiteY1" fmla="*/ 368862 h 2205858"/>
                <a:gd name="connsiteX2" fmla="*/ 1199877 w 1211532"/>
                <a:gd name="connsiteY2" fmla="*/ 2205858 h 2205858"/>
                <a:gd name="connsiteX3" fmla="*/ 1078 w 1211532"/>
                <a:gd name="connsiteY3" fmla="*/ 1826661 h 2205858"/>
                <a:gd name="connsiteX4" fmla="*/ 1079 w 1211532"/>
                <a:gd name="connsiteY4" fmla="*/ 0 h 2205858"/>
                <a:gd name="connsiteX0" fmla="*/ 1079 w 1206089"/>
                <a:gd name="connsiteY0" fmla="*/ 0 h 2205858"/>
                <a:gd name="connsiteX1" fmla="*/ 1205488 w 1206089"/>
                <a:gd name="connsiteY1" fmla="*/ 368862 h 2205858"/>
                <a:gd name="connsiteX2" fmla="*/ 1199877 w 1206089"/>
                <a:gd name="connsiteY2" fmla="*/ 2205858 h 2205858"/>
                <a:gd name="connsiteX3" fmla="*/ 1078 w 1206089"/>
                <a:gd name="connsiteY3" fmla="*/ 1826661 h 2205858"/>
                <a:gd name="connsiteX4" fmla="*/ 1079 w 1206089"/>
                <a:gd name="connsiteY4" fmla="*/ 0 h 2205858"/>
                <a:gd name="connsiteX0" fmla="*/ 1079 w 1200866"/>
                <a:gd name="connsiteY0" fmla="*/ 0 h 2205858"/>
                <a:gd name="connsiteX1" fmla="*/ 1199878 w 1200866"/>
                <a:gd name="connsiteY1" fmla="*/ 368862 h 2205858"/>
                <a:gd name="connsiteX2" fmla="*/ 1199877 w 1200866"/>
                <a:gd name="connsiteY2" fmla="*/ 2205858 h 2205858"/>
                <a:gd name="connsiteX3" fmla="*/ 1078 w 1200866"/>
                <a:gd name="connsiteY3" fmla="*/ 1826661 h 2205858"/>
                <a:gd name="connsiteX4" fmla="*/ 1079 w 1200866"/>
                <a:gd name="connsiteY4" fmla="*/ 0 h 220585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200866" h="2205858">
                  <a:moveTo>
                    <a:pt x="1079" y="0"/>
                  </a:moveTo>
                  <a:lnTo>
                    <a:pt x="1199878" y="368862"/>
                  </a:lnTo>
                  <a:cubicBezTo>
                    <a:pt x="1203303" y="962495"/>
                    <a:pt x="1196452" y="1612225"/>
                    <a:pt x="1199877" y="2205858"/>
                  </a:cubicBezTo>
                  <a:lnTo>
                    <a:pt x="1078" y="1826661"/>
                  </a:lnTo>
                  <a:cubicBezTo>
                    <a:pt x="4818" y="1217774"/>
                    <a:pt x="-2661" y="608887"/>
                    <a:pt x="1079" y="0"/>
                  </a:cubicBezTo>
                  <a:close/>
                </a:path>
              </a:pathLst>
            </a:custGeom>
            <a:solidFill>
              <a:schemeClr val="accent6">
                <a:lumMod val="40000"/>
                <a:lumOff val="6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68" name="矩形 67">
              <a:extLst>
                <a:ext uri="{FF2B5EF4-FFF2-40B4-BE49-F238E27FC236}">
                  <a16:creationId xmlns:a16="http://schemas.microsoft.com/office/drawing/2014/main" id="{F9846D0F-9F46-40D6-B446-14C3090B9052}"/>
                </a:ext>
              </a:extLst>
            </p:cNvPr>
            <p:cNvSpPr/>
            <p:nvPr/>
          </p:nvSpPr>
          <p:spPr>
            <a:xfrm>
              <a:off x="4003385" y="4211053"/>
              <a:ext cx="1198800" cy="983475"/>
            </a:xfrm>
            <a:custGeom>
              <a:avLst/>
              <a:gdLst>
                <a:gd name="connsiteX0" fmla="*/ 0 w 1198800"/>
                <a:gd name="connsiteY0" fmla="*/ 0 h 612000"/>
                <a:gd name="connsiteX1" fmla="*/ 1198800 w 1198800"/>
                <a:gd name="connsiteY1" fmla="*/ 0 h 612000"/>
                <a:gd name="connsiteX2" fmla="*/ 1198800 w 1198800"/>
                <a:gd name="connsiteY2" fmla="*/ 612000 h 612000"/>
                <a:gd name="connsiteX3" fmla="*/ 0 w 1198800"/>
                <a:gd name="connsiteY3" fmla="*/ 612000 h 612000"/>
                <a:gd name="connsiteX4" fmla="*/ 0 w 1198800"/>
                <a:gd name="connsiteY4" fmla="*/ 0 h 612000"/>
                <a:gd name="connsiteX0" fmla="*/ 0 w 1198800"/>
                <a:gd name="connsiteY0" fmla="*/ 0 h 973950"/>
                <a:gd name="connsiteX1" fmla="*/ 1198800 w 1198800"/>
                <a:gd name="connsiteY1" fmla="*/ 0 h 973950"/>
                <a:gd name="connsiteX2" fmla="*/ 1198800 w 1198800"/>
                <a:gd name="connsiteY2" fmla="*/ 973950 h 973950"/>
                <a:gd name="connsiteX3" fmla="*/ 0 w 1198800"/>
                <a:gd name="connsiteY3" fmla="*/ 612000 h 973950"/>
                <a:gd name="connsiteX4" fmla="*/ 0 w 1198800"/>
                <a:gd name="connsiteY4" fmla="*/ 0 h 973950"/>
                <a:gd name="connsiteX0" fmla="*/ 0 w 1198800"/>
                <a:gd name="connsiteY0" fmla="*/ 0 h 983475"/>
                <a:gd name="connsiteX1" fmla="*/ 1198800 w 1198800"/>
                <a:gd name="connsiteY1" fmla="*/ 0 h 983475"/>
                <a:gd name="connsiteX2" fmla="*/ 1198800 w 1198800"/>
                <a:gd name="connsiteY2" fmla="*/ 983475 h 983475"/>
                <a:gd name="connsiteX3" fmla="*/ 0 w 1198800"/>
                <a:gd name="connsiteY3" fmla="*/ 612000 h 983475"/>
                <a:gd name="connsiteX4" fmla="*/ 0 w 1198800"/>
                <a:gd name="connsiteY4" fmla="*/ 0 h 983475"/>
                <a:gd name="connsiteX0" fmla="*/ 0 w 1198800"/>
                <a:gd name="connsiteY0" fmla="*/ 0 h 983475"/>
                <a:gd name="connsiteX1" fmla="*/ 1189275 w 1198800"/>
                <a:gd name="connsiteY1" fmla="*/ 381000 h 983475"/>
                <a:gd name="connsiteX2" fmla="*/ 1198800 w 1198800"/>
                <a:gd name="connsiteY2" fmla="*/ 983475 h 983475"/>
                <a:gd name="connsiteX3" fmla="*/ 0 w 1198800"/>
                <a:gd name="connsiteY3" fmla="*/ 612000 h 983475"/>
                <a:gd name="connsiteX4" fmla="*/ 0 w 1198800"/>
                <a:gd name="connsiteY4" fmla="*/ 0 h 983475"/>
                <a:gd name="connsiteX0" fmla="*/ 0 w 1208325"/>
                <a:gd name="connsiteY0" fmla="*/ 0 h 983475"/>
                <a:gd name="connsiteX1" fmla="*/ 1208325 w 1208325"/>
                <a:gd name="connsiteY1" fmla="*/ 390525 h 983475"/>
                <a:gd name="connsiteX2" fmla="*/ 1198800 w 1208325"/>
                <a:gd name="connsiteY2" fmla="*/ 983475 h 983475"/>
                <a:gd name="connsiteX3" fmla="*/ 0 w 1208325"/>
                <a:gd name="connsiteY3" fmla="*/ 612000 h 983475"/>
                <a:gd name="connsiteX4" fmla="*/ 0 w 1208325"/>
                <a:gd name="connsiteY4" fmla="*/ 0 h 983475"/>
                <a:gd name="connsiteX0" fmla="*/ 0 w 1198800"/>
                <a:gd name="connsiteY0" fmla="*/ 0 h 983475"/>
                <a:gd name="connsiteX1" fmla="*/ 1198800 w 1198800"/>
                <a:gd name="connsiteY1" fmla="*/ 390525 h 983475"/>
                <a:gd name="connsiteX2" fmla="*/ 1198800 w 1198800"/>
                <a:gd name="connsiteY2" fmla="*/ 983475 h 983475"/>
                <a:gd name="connsiteX3" fmla="*/ 0 w 1198800"/>
                <a:gd name="connsiteY3" fmla="*/ 612000 h 983475"/>
                <a:gd name="connsiteX4" fmla="*/ 0 w 1198800"/>
                <a:gd name="connsiteY4" fmla="*/ 0 h 98347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98800" h="983475">
                  <a:moveTo>
                    <a:pt x="0" y="0"/>
                  </a:moveTo>
                  <a:lnTo>
                    <a:pt x="1198800" y="390525"/>
                  </a:lnTo>
                  <a:lnTo>
                    <a:pt x="1198800" y="983475"/>
                  </a:lnTo>
                  <a:lnTo>
                    <a:pt x="0" y="61200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2"/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sp>
        <p:nvSpPr>
          <p:cNvPr id="52" name="矩形 85">
            <a:extLst>
              <a:ext uri="{FF2B5EF4-FFF2-40B4-BE49-F238E27FC236}">
                <a16:creationId xmlns:a16="http://schemas.microsoft.com/office/drawing/2014/main" id="{50AF03F6-9C82-40A7-8412-309877A9E002}"/>
              </a:ext>
            </a:extLst>
          </p:cNvPr>
          <p:cNvSpPr/>
          <p:nvPr/>
        </p:nvSpPr>
        <p:spPr>
          <a:xfrm>
            <a:off x="2938690" y="1464373"/>
            <a:ext cx="395945" cy="2091828"/>
          </a:xfrm>
          <a:custGeom>
            <a:avLst/>
            <a:gdLst>
              <a:gd name="connsiteX0" fmla="*/ 0 w 576000"/>
              <a:gd name="connsiteY0" fmla="*/ 0 h 1440000"/>
              <a:gd name="connsiteX1" fmla="*/ 576000 w 576000"/>
              <a:gd name="connsiteY1" fmla="*/ 0 h 1440000"/>
              <a:gd name="connsiteX2" fmla="*/ 576000 w 576000"/>
              <a:gd name="connsiteY2" fmla="*/ 1440000 h 1440000"/>
              <a:gd name="connsiteX3" fmla="*/ 0 w 576000"/>
              <a:gd name="connsiteY3" fmla="*/ 1440000 h 1440000"/>
              <a:gd name="connsiteX4" fmla="*/ 0 w 576000"/>
              <a:gd name="connsiteY4" fmla="*/ 0 h 1440000"/>
              <a:gd name="connsiteX0" fmla="*/ 0 w 576000"/>
              <a:gd name="connsiteY0" fmla="*/ 495300 h 1935300"/>
              <a:gd name="connsiteX1" fmla="*/ 242625 w 576000"/>
              <a:gd name="connsiteY1" fmla="*/ 0 h 1935300"/>
              <a:gd name="connsiteX2" fmla="*/ 576000 w 576000"/>
              <a:gd name="connsiteY2" fmla="*/ 1935300 h 1935300"/>
              <a:gd name="connsiteX3" fmla="*/ 0 w 576000"/>
              <a:gd name="connsiteY3" fmla="*/ 1935300 h 1935300"/>
              <a:gd name="connsiteX4" fmla="*/ 0 w 576000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9242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3527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309300"/>
              <a:gd name="connsiteY0" fmla="*/ 495300 h 1935300"/>
              <a:gd name="connsiteX1" fmla="*/ 242625 w 309300"/>
              <a:gd name="connsiteY1" fmla="*/ 0 h 1935300"/>
              <a:gd name="connsiteX2" fmla="*/ 309300 w 309300"/>
              <a:gd name="connsiteY2" fmla="*/ 1678125 h 1935300"/>
              <a:gd name="connsiteX3" fmla="*/ 0 w 309300"/>
              <a:gd name="connsiteY3" fmla="*/ 1935300 h 1935300"/>
              <a:gd name="connsiteX4" fmla="*/ 0 w 309300"/>
              <a:gd name="connsiteY4" fmla="*/ 495300 h 1935300"/>
              <a:gd name="connsiteX0" fmla="*/ 0 w 252150"/>
              <a:gd name="connsiteY0" fmla="*/ 495300 h 1935300"/>
              <a:gd name="connsiteX1" fmla="*/ 242625 w 252150"/>
              <a:gd name="connsiteY1" fmla="*/ 0 h 1935300"/>
              <a:gd name="connsiteX2" fmla="*/ 252150 w 252150"/>
              <a:gd name="connsiteY2" fmla="*/ 1687650 h 1935300"/>
              <a:gd name="connsiteX3" fmla="*/ 0 w 252150"/>
              <a:gd name="connsiteY3" fmla="*/ 1935300 h 1935300"/>
              <a:gd name="connsiteX4" fmla="*/ 0 w 252150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23575 w 242625"/>
              <a:gd name="connsiteY2" fmla="*/ 148762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33100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185475 w 242625"/>
              <a:gd name="connsiteY2" fmla="*/ 1459050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42625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5604"/>
              <a:gd name="connsiteY0" fmla="*/ 486365 h 1926365"/>
              <a:gd name="connsiteX1" fmla="*/ 245604 w 245604"/>
              <a:gd name="connsiteY1" fmla="*/ 0 h 1926365"/>
              <a:gd name="connsiteX2" fmla="*/ 242625 w 245604"/>
              <a:gd name="connsiteY2" fmla="*/ 1459640 h 1926365"/>
              <a:gd name="connsiteX3" fmla="*/ 0 w 245604"/>
              <a:gd name="connsiteY3" fmla="*/ 1926365 h 1926365"/>
              <a:gd name="connsiteX4" fmla="*/ 0 w 245604"/>
              <a:gd name="connsiteY4" fmla="*/ 486365 h 1926365"/>
              <a:gd name="connsiteX0" fmla="*/ 0 w 248583"/>
              <a:gd name="connsiteY0" fmla="*/ 486365 h 1926365"/>
              <a:gd name="connsiteX1" fmla="*/ 248583 w 248583"/>
              <a:gd name="connsiteY1" fmla="*/ 0 h 1926365"/>
              <a:gd name="connsiteX2" fmla="*/ 242625 w 248583"/>
              <a:gd name="connsiteY2" fmla="*/ 1459640 h 1926365"/>
              <a:gd name="connsiteX3" fmla="*/ 0 w 248583"/>
              <a:gd name="connsiteY3" fmla="*/ 1926365 h 1926365"/>
              <a:gd name="connsiteX4" fmla="*/ 0 w 248583"/>
              <a:gd name="connsiteY4" fmla="*/ 486365 h 1926365"/>
              <a:gd name="connsiteX0" fmla="*/ 0 w 242626"/>
              <a:gd name="connsiteY0" fmla="*/ 486365 h 1926365"/>
              <a:gd name="connsiteX1" fmla="*/ 242626 w 242626"/>
              <a:gd name="connsiteY1" fmla="*/ 0 h 1926365"/>
              <a:gd name="connsiteX2" fmla="*/ 242625 w 242626"/>
              <a:gd name="connsiteY2" fmla="*/ 1459640 h 1926365"/>
              <a:gd name="connsiteX3" fmla="*/ 0 w 242626"/>
              <a:gd name="connsiteY3" fmla="*/ 1926365 h 1926365"/>
              <a:gd name="connsiteX4" fmla="*/ 0 w 242626"/>
              <a:gd name="connsiteY4" fmla="*/ 486365 h 1926365"/>
              <a:gd name="connsiteX0" fmla="*/ 0 w 388014"/>
              <a:gd name="connsiteY0" fmla="*/ 286068 h 1726068"/>
              <a:gd name="connsiteX1" fmla="*/ 388014 w 388014"/>
              <a:gd name="connsiteY1" fmla="*/ 0 h 1726068"/>
              <a:gd name="connsiteX2" fmla="*/ 242625 w 388014"/>
              <a:gd name="connsiteY2" fmla="*/ 1259343 h 1726068"/>
              <a:gd name="connsiteX3" fmla="*/ 0 w 388014"/>
              <a:gd name="connsiteY3" fmla="*/ 1726068 h 1726068"/>
              <a:gd name="connsiteX4" fmla="*/ 0 w 388014"/>
              <a:gd name="connsiteY4" fmla="*/ 286068 h 1726068"/>
              <a:gd name="connsiteX0" fmla="*/ 0 w 396565"/>
              <a:gd name="connsiteY0" fmla="*/ 286068 h 1834109"/>
              <a:gd name="connsiteX1" fmla="*/ 388014 w 396565"/>
              <a:gd name="connsiteY1" fmla="*/ 0 h 1834109"/>
              <a:gd name="connsiteX2" fmla="*/ 396565 w 396565"/>
              <a:gd name="connsiteY2" fmla="*/ 1834109 h 1834109"/>
              <a:gd name="connsiteX3" fmla="*/ 0 w 396565"/>
              <a:gd name="connsiteY3" fmla="*/ 1726068 h 1834109"/>
              <a:gd name="connsiteX4" fmla="*/ 0 w 396565"/>
              <a:gd name="connsiteY4" fmla="*/ 286068 h 1834109"/>
              <a:gd name="connsiteX0" fmla="*/ 0 w 396565"/>
              <a:gd name="connsiteY0" fmla="*/ 286068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86068 h 2091828"/>
              <a:gd name="connsiteX0" fmla="*/ 0 w 396565"/>
              <a:gd name="connsiteY0" fmla="*/ 251234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1234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9462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0910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6"/>
              <a:gd name="connsiteY0" fmla="*/ 259942 h 2091828"/>
              <a:gd name="connsiteX1" fmla="*/ 396566 w 396566"/>
              <a:gd name="connsiteY1" fmla="*/ 0 h 2091828"/>
              <a:gd name="connsiteX2" fmla="*/ 396565 w 396566"/>
              <a:gd name="connsiteY2" fmla="*/ 1834109 h 2091828"/>
              <a:gd name="connsiteX3" fmla="*/ 0 w 396566"/>
              <a:gd name="connsiteY3" fmla="*/ 2091828 h 2091828"/>
              <a:gd name="connsiteX4" fmla="*/ 0 w 396566"/>
              <a:gd name="connsiteY4" fmla="*/ 259942 h 209182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6566" h="2091828">
                <a:moveTo>
                  <a:pt x="0" y="259942"/>
                </a:moveTo>
                <a:lnTo>
                  <a:pt x="396566" y="0"/>
                </a:lnTo>
                <a:cubicBezTo>
                  <a:pt x="396566" y="486547"/>
                  <a:pt x="396565" y="1347562"/>
                  <a:pt x="396565" y="1834109"/>
                </a:cubicBezTo>
                <a:lnTo>
                  <a:pt x="0" y="2091828"/>
                </a:lnTo>
                <a:lnTo>
                  <a:pt x="0" y="259942"/>
                </a:lnTo>
                <a:close/>
              </a:path>
            </a:pathLst>
          </a:cu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71" name="矩形 70">
            <a:extLst>
              <a:ext uri="{FF2B5EF4-FFF2-40B4-BE49-F238E27FC236}">
                <a16:creationId xmlns:a16="http://schemas.microsoft.com/office/drawing/2014/main" id="{94D657B3-B3AE-4468-9248-89760E7977AD}"/>
              </a:ext>
            </a:extLst>
          </p:cNvPr>
          <p:cNvSpPr/>
          <p:nvPr/>
        </p:nvSpPr>
        <p:spPr>
          <a:xfrm>
            <a:off x="1733535" y="1720180"/>
            <a:ext cx="1198800" cy="183227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74" name="矩形 86">
            <a:extLst>
              <a:ext uri="{FF2B5EF4-FFF2-40B4-BE49-F238E27FC236}">
                <a16:creationId xmlns:a16="http://schemas.microsoft.com/office/drawing/2014/main" id="{6256BD64-0665-48E6-BDD8-4442B2335FC4}"/>
              </a:ext>
            </a:extLst>
          </p:cNvPr>
          <p:cNvSpPr/>
          <p:nvPr/>
        </p:nvSpPr>
        <p:spPr>
          <a:xfrm>
            <a:off x="1712003" y="1456714"/>
            <a:ext cx="1630725" cy="265244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1794" h="256715">
                <a:moveTo>
                  <a:pt x="244772" y="0"/>
                </a:moveTo>
                <a:lnTo>
                  <a:pt x="961794" y="4189"/>
                </a:lnTo>
                <a:lnTo>
                  <a:pt x="720000" y="256715"/>
                </a:lnTo>
                <a:lnTo>
                  <a:pt x="0" y="256715"/>
                </a:lnTo>
                <a:lnTo>
                  <a:pt x="244772" y="0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3" name="矩形 86">
            <a:extLst>
              <a:ext uri="{FF2B5EF4-FFF2-40B4-BE49-F238E27FC236}">
                <a16:creationId xmlns:a16="http://schemas.microsoft.com/office/drawing/2014/main" id="{E179FAE0-9E2A-47C4-9C8E-3ECD36BAE1EF}"/>
              </a:ext>
            </a:extLst>
          </p:cNvPr>
          <p:cNvSpPr/>
          <p:nvPr/>
        </p:nvSpPr>
        <p:spPr>
          <a:xfrm>
            <a:off x="1718597" y="1259039"/>
            <a:ext cx="1479838" cy="465542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622411 w 864205"/>
              <a:gd name="connsiteY2" fmla="*/ 256715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47183 w 864205"/>
              <a:gd name="connsiteY0" fmla="*/ 0 h 484286"/>
              <a:gd name="connsiteX1" fmla="*/ 864205 w 864205"/>
              <a:gd name="connsiteY1" fmla="*/ 4189 h 484286"/>
              <a:gd name="connsiteX2" fmla="*/ 720000 w 864205"/>
              <a:gd name="connsiteY2" fmla="*/ 459000 h 484286"/>
              <a:gd name="connsiteX3" fmla="*/ 0 w 864205"/>
              <a:gd name="connsiteY3" fmla="*/ 484286 h 484286"/>
              <a:gd name="connsiteX4" fmla="*/ 147183 w 864205"/>
              <a:gd name="connsiteY4" fmla="*/ 0 h 484286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52320 w 869342"/>
              <a:gd name="connsiteY0" fmla="*/ 0 h 467429"/>
              <a:gd name="connsiteX1" fmla="*/ 869342 w 869342"/>
              <a:gd name="connsiteY1" fmla="*/ 4189 h 467429"/>
              <a:gd name="connsiteX2" fmla="*/ 725137 w 869342"/>
              <a:gd name="connsiteY2" fmla="*/ 459000 h 467429"/>
              <a:gd name="connsiteX3" fmla="*/ 0 w 869342"/>
              <a:gd name="connsiteY3" fmla="*/ 467429 h 467429"/>
              <a:gd name="connsiteX4" fmla="*/ 152320 w 869342"/>
              <a:gd name="connsiteY4" fmla="*/ 0 h 467429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9000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33714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35409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5137 w 879614"/>
              <a:gd name="connsiteY2" fmla="*/ 450571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62592 w 879614"/>
              <a:gd name="connsiteY0" fmla="*/ 0 h 475857"/>
              <a:gd name="connsiteX1" fmla="*/ 879614 w 879614"/>
              <a:gd name="connsiteY1" fmla="*/ 4189 h 475857"/>
              <a:gd name="connsiteX2" fmla="*/ 720001 w 879614"/>
              <a:gd name="connsiteY2" fmla="*/ 442142 h 475857"/>
              <a:gd name="connsiteX3" fmla="*/ 0 w 879614"/>
              <a:gd name="connsiteY3" fmla="*/ 475857 h 475857"/>
              <a:gd name="connsiteX4" fmla="*/ 162592 w 879614"/>
              <a:gd name="connsiteY4" fmla="*/ 0 h 475857"/>
              <a:gd name="connsiteX0" fmla="*/ 188273 w 905295"/>
              <a:gd name="connsiteY0" fmla="*/ 0 h 450571"/>
              <a:gd name="connsiteX1" fmla="*/ 905295 w 905295"/>
              <a:gd name="connsiteY1" fmla="*/ 4189 h 450571"/>
              <a:gd name="connsiteX2" fmla="*/ 745682 w 905295"/>
              <a:gd name="connsiteY2" fmla="*/ 442142 h 450571"/>
              <a:gd name="connsiteX3" fmla="*/ 0 w 905295"/>
              <a:gd name="connsiteY3" fmla="*/ 450571 h 450571"/>
              <a:gd name="connsiteX4" fmla="*/ 188273 w 905295"/>
              <a:gd name="connsiteY4" fmla="*/ 0 h 450571"/>
              <a:gd name="connsiteX0" fmla="*/ 178001 w 895023"/>
              <a:gd name="connsiteY0" fmla="*/ 0 h 450571"/>
              <a:gd name="connsiteX1" fmla="*/ 895023 w 895023"/>
              <a:gd name="connsiteY1" fmla="*/ 4189 h 450571"/>
              <a:gd name="connsiteX2" fmla="*/ 735410 w 895023"/>
              <a:gd name="connsiteY2" fmla="*/ 442142 h 450571"/>
              <a:gd name="connsiteX3" fmla="*/ 0 w 895023"/>
              <a:gd name="connsiteY3" fmla="*/ 450571 h 450571"/>
              <a:gd name="connsiteX4" fmla="*/ 178001 w 895023"/>
              <a:gd name="connsiteY4" fmla="*/ 0 h 450571"/>
              <a:gd name="connsiteX0" fmla="*/ 178001 w 895023"/>
              <a:gd name="connsiteY0" fmla="*/ 0 h 442143"/>
              <a:gd name="connsiteX1" fmla="*/ 895023 w 895023"/>
              <a:gd name="connsiteY1" fmla="*/ 4189 h 442143"/>
              <a:gd name="connsiteX2" fmla="*/ 735410 w 895023"/>
              <a:gd name="connsiteY2" fmla="*/ 442142 h 442143"/>
              <a:gd name="connsiteX3" fmla="*/ 0 w 895023"/>
              <a:gd name="connsiteY3" fmla="*/ 442143 h 442143"/>
              <a:gd name="connsiteX4" fmla="*/ 178001 w 895023"/>
              <a:gd name="connsiteY4" fmla="*/ 0 h 442143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25286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42143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8999"/>
              <a:gd name="connsiteX1" fmla="*/ 895023 w 895023"/>
              <a:gd name="connsiteY1" fmla="*/ 4189 h 458999"/>
              <a:gd name="connsiteX2" fmla="*/ 735410 w 895023"/>
              <a:gd name="connsiteY2" fmla="*/ 458999 h 458999"/>
              <a:gd name="connsiteX3" fmla="*/ 0 w 895023"/>
              <a:gd name="connsiteY3" fmla="*/ 450572 h 458999"/>
              <a:gd name="connsiteX4" fmla="*/ 178001 w 895023"/>
              <a:gd name="connsiteY4" fmla="*/ 0 h 458999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  <a:gd name="connsiteX0" fmla="*/ 178001 w 895023"/>
              <a:gd name="connsiteY0" fmla="*/ 0 h 450572"/>
              <a:gd name="connsiteX1" fmla="*/ 895023 w 895023"/>
              <a:gd name="connsiteY1" fmla="*/ 4189 h 450572"/>
              <a:gd name="connsiteX2" fmla="*/ 729649 w 895023"/>
              <a:gd name="connsiteY2" fmla="*/ 449780 h 450572"/>
              <a:gd name="connsiteX3" fmla="*/ 0 w 895023"/>
              <a:gd name="connsiteY3" fmla="*/ 450572 h 450572"/>
              <a:gd name="connsiteX4" fmla="*/ 178001 w 895023"/>
              <a:gd name="connsiteY4" fmla="*/ 0 h 45057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895023" h="450572">
                <a:moveTo>
                  <a:pt x="178001" y="0"/>
                </a:moveTo>
                <a:lnTo>
                  <a:pt x="895023" y="4189"/>
                </a:lnTo>
                <a:lnTo>
                  <a:pt x="729649" y="449780"/>
                </a:lnTo>
                <a:lnTo>
                  <a:pt x="0" y="450572"/>
                </a:lnTo>
                <a:lnTo>
                  <a:pt x="178001" y="0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2" name="矩形 71">
            <a:extLst>
              <a:ext uri="{FF2B5EF4-FFF2-40B4-BE49-F238E27FC236}">
                <a16:creationId xmlns:a16="http://schemas.microsoft.com/office/drawing/2014/main" id="{7D1BBCC9-E25D-410A-BDAA-7E11E59FE6AD}"/>
              </a:ext>
            </a:extLst>
          </p:cNvPr>
          <p:cNvSpPr/>
          <p:nvPr/>
        </p:nvSpPr>
        <p:spPr>
          <a:xfrm>
            <a:off x="1741735" y="1114465"/>
            <a:ext cx="1198800" cy="612000"/>
          </a:xfrm>
          <a:prstGeom prst="rect">
            <a:avLst/>
          </a:pr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grpSp>
        <p:nvGrpSpPr>
          <p:cNvPr id="16" name="组合 15">
            <a:extLst>
              <a:ext uri="{FF2B5EF4-FFF2-40B4-BE49-F238E27FC236}">
                <a16:creationId xmlns:a16="http://schemas.microsoft.com/office/drawing/2014/main" id="{70F0FD5C-193A-4A6D-A7D9-2623B2C651EF}"/>
              </a:ext>
            </a:extLst>
          </p:cNvPr>
          <p:cNvGrpSpPr/>
          <p:nvPr/>
        </p:nvGrpSpPr>
        <p:grpSpPr>
          <a:xfrm>
            <a:off x="1747294" y="1032000"/>
            <a:ext cx="1201244" cy="3303961"/>
            <a:chOff x="1740975" y="1049741"/>
            <a:chExt cx="1201244" cy="3303961"/>
          </a:xfrm>
        </p:grpSpPr>
        <p:sp>
          <p:nvSpPr>
            <p:cNvPr id="53" name="矩形 38">
              <a:extLst>
                <a:ext uri="{FF2B5EF4-FFF2-40B4-BE49-F238E27FC236}">
                  <a16:creationId xmlns:a16="http://schemas.microsoft.com/office/drawing/2014/main" id="{BFDC275B-AFC9-4752-916A-01F2BD0144FA}"/>
                </a:ext>
              </a:extLst>
            </p:cNvPr>
            <p:cNvSpPr/>
            <p:nvPr/>
          </p:nvSpPr>
          <p:spPr>
            <a:xfrm flipH="1">
              <a:off x="1740975" y="1730322"/>
              <a:ext cx="1198799" cy="2623380"/>
            </a:xfrm>
            <a:custGeom>
              <a:avLst/>
              <a:gdLst>
                <a:gd name="connsiteX0" fmla="*/ 0 w 1198800"/>
                <a:gd name="connsiteY0" fmla="*/ 0 h 1832270"/>
                <a:gd name="connsiteX1" fmla="*/ 1198800 w 1198800"/>
                <a:gd name="connsiteY1" fmla="*/ 0 h 1832270"/>
                <a:gd name="connsiteX2" fmla="*/ 1198800 w 1198800"/>
                <a:gd name="connsiteY2" fmla="*/ 1832270 h 1832270"/>
                <a:gd name="connsiteX3" fmla="*/ 0 w 1198800"/>
                <a:gd name="connsiteY3" fmla="*/ 1832270 h 1832270"/>
                <a:gd name="connsiteX4" fmla="*/ 0 w 1198800"/>
                <a:gd name="connsiteY4" fmla="*/ 0 h 1832270"/>
                <a:gd name="connsiteX0" fmla="*/ 0 w 1198800"/>
                <a:gd name="connsiteY0" fmla="*/ 0 h 1832270"/>
                <a:gd name="connsiteX1" fmla="*/ 1198800 w 1198800"/>
                <a:gd name="connsiteY1" fmla="*/ 441789 h 1832270"/>
                <a:gd name="connsiteX2" fmla="*/ 1198800 w 1198800"/>
                <a:gd name="connsiteY2" fmla="*/ 1832270 h 1832270"/>
                <a:gd name="connsiteX3" fmla="*/ 0 w 1198800"/>
                <a:gd name="connsiteY3" fmla="*/ 1832270 h 1832270"/>
                <a:gd name="connsiteX4" fmla="*/ 0 w 1198800"/>
                <a:gd name="connsiteY4" fmla="*/ 0 h 1832270"/>
                <a:gd name="connsiteX0" fmla="*/ 0 w 1209074"/>
                <a:gd name="connsiteY0" fmla="*/ 0 h 2222688"/>
                <a:gd name="connsiteX1" fmla="*/ 1198800 w 1209074"/>
                <a:gd name="connsiteY1" fmla="*/ 441789 h 2222688"/>
                <a:gd name="connsiteX2" fmla="*/ 1209074 w 1209074"/>
                <a:gd name="connsiteY2" fmla="*/ 2222688 h 2222688"/>
                <a:gd name="connsiteX3" fmla="*/ 0 w 1209074"/>
                <a:gd name="connsiteY3" fmla="*/ 1832270 h 2222688"/>
                <a:gd name="connsiteX4" fmla="*/ 0 w 1209074"/>
                <a:gd name="connsiteY4" fmla="*/ 0 h 2222688"/>
                <a:gd name="connsiteX0" fmla="*/ 0 w 1199255"/>
                <a:gd name="connsiteY0" fmla="*/ 0 h 2212413"/>
                <a:gd name="connsiteX1" fmla="*/ 1198800 w 1199255"/>
                <a:gd name="connsiteY1" fmla="*/ 441789 h 2212413"/>
                <a:gd name="connsiteX2" fmla="*/ 1188525 w 1199255"/>
                <a:gd name="connsiteY2" fmla="*/ 2212413 h 2212413"/>
                <a:gd name="connsiteX3" fmla="*/ 0 w 1199255"/>
                <a:gd name="connsiteY3" fmla="*/ 1832270 h 2212413"/>
                <a:gd name="connsiteX4" fmla="*/ 0 w 1199255"/>
                <a:gd name="connsiteY4" fmla="*/ 0 h 2212413"/>
                <a:gd name="connsiteX0" fmla="*/ 0 w 1199788"/>
                <a:gd name="connsiteY0" fmla="*/ 0 h 2222687"/>
                <a:gd name="connsiteX1" fmla="*/ 1198800 w 1199788"/>
                <a:gd name="connsiteY1" fmla="*/ 441789 h 2222687"/>
                <a:gd name="connsiteX2" fmla="*/ 1198799 w 1199788"/>
                <a:gd name="connsiteY2" fmla="*/ 2222687 h 2222687"/>
                <a:gd name="connsiteX3" fmla="*/ 0 w 1199788"/>
                <a:gd name="connsiteY3" fmla="*/ 1832270 h 2222687"/>
                <a:gd name="connsiteX4" fmla="*/ 0 w 1199788"/>
                <a:gd name="connsiteY4" fmla="*/ 0 h 2222687"/>
                <a:gd name="connsiteX0" fmla="*/ 0 w 1198799"/>
                <a:gd name="connsiteY0" fmla="*/ 0 h 2222687"/>
                <a:gd name="connsiteX1" fmla="*/ 1188526 w 1198799"/>
                <a:gd name="connsiteY1" fmla="*/ 801384 h 2222687"/>
                <a:gd name="connsiteX2" fmla="*/ 1198799 w 1198799"/>
                <a:gd name="connsiteY2" fmla="*/ 2222687 h 2222687"/>
                <a:gd name="connsiteX3" fmla="*/ 0 w 1198799"/>
                <a:gd name="connsiteY3" fmla="*/ 1832270 h 2222687"/>
                <a:gd name="connsiteX4" fmla="*/ 0 w 1198799"/>
                <a:gd name="connsiteY4" fmla="*/ 0 h 2222687"/>
                <a:gd name="connsiteX0" fmla="*/ 0 w 1209073"/>
                <a:gd name="connsiteY0" fmla="*/ 0 h 2643928"/>
                <a:gd name="connsiteX1" fmla="*/ 1188526 w 1209073"/>
                <a:gd name="connsiteY1" fmla="*/ 801384 h 2643928"/>
                <a:gd name="connsiteX2" fmla="*/ 1209073 w 1209073"/>
                <a:gd name="connsiteY2" fmla="*/ 2643928 h 2643928"/>
                <a:gd name="connsiteX3" fmla="*/ 0 w 1209073"/>
                <a:gd name="connsiteY3" fmla="*/ 1832270 h 2643928"/>
                <a:gd name="connsiteX4" fmla="*/ 0 w 1209073"/>
                <a:gd name="connsiteY4" fmla="*/ 0 h 2643928"/>
                <a:gd name="connsiteX0" fmla="*/ 0 w 1198799"/>
                <a:gd name="connsiteY0" fmla="*/ 0 h 2623380"/>
                <a:gd name="connsiteX1" fmla="*/ 1188526 w 1198799"/>
                <a:gd name="connsiteY1" fmla="*/ 801384 h 2623380"/>
                <a:gd name="connsiteX2" fmla="*/ 1198799 w 1198799"/>
                <a:gd name="connsiteY2" fmla="*/ 2623380 h 2623380"/>
                <a:gd name="connsiteX3" fmla="*/ 0 w 1198799"/>
                <a:gd name="connsiteY3" fmla="*/ 1832270 h 2623380"/>
                <a:gd name="connsiteX4" fmla="*/ 0 w 1198799"/>
                <a:gd name="connsiteY4" fmla="*/ 0 h 262338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98799" h="2623380">
                  <a:moveTo>
                    <a:pt x="0" y="0"/>
                  </a:moveTo>
                  <a:lnTo>
                    <a:pt x="1188526" y="801384"/>
                  </a:lnTo>
                  <a:cubicBezTo>
                    <a:pt x="1191951" y="1395017"/>
                    <a:pt x="1195374" y="2029747"/>
                    <a:pt x="1198799" y="2623380"/>
                  </a:cubicBezTo>
                  <a:lnTo>
                    <a:pt x="0" y="183227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6">
                <a:lumMod val="40000"/>
                <a:lumOff val="6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70" name="矩形 38">
              <a:extLst>
                <a:ext uri="{FF2B5EF4-FFF2-40B4-BE49-F238E27FC236}">
                  <a16:creationId xmlns:a16="http://schemas.microsoft.com/office/drawing/2014/main" id="{641791BB-2312-4C3A-B5AF-E9D263F42B07}"/>
                </a:ext>
              </a:extLst>
            </p:cNvPr>
            <p:cNvSpPr/>
            <p:nvPr/>
          </p:nvSpPr>
          <p:spPr>
            <a:xfrm flipH="1">
              <a:off x="1747994" y="1049741"/>
              <a:ext cx="1194225" cy="1498329"/>
            </a:xfrm>
            <a:custGeom>
              <a:avLst/>
              <a:gdLst>
                <a:gd name="connsiteX0" fmla="*/ 0 w 1198800"/>
                <a:gd name="connsiteY0" fmla="*/ 0 h 1832270"/>
                <a:gd name="connsiteX1" fmla="*/ 1198800 w 1198800"/>
                <a:gd name="connsiteY1" fmla="*/ 0 h 1832270"/>
                <a:gd name="connsiteX2" fmla="*/ 1198800 w 1198800"/>
                <a:gd name="connsiteY2" fmla="*/ 1832270 h 1832270"/>
                <a:gd name="connsiteX3" fmla="*/ 0 w 1198800"/>
                <a:gd name="connsiteY3" fmla="*/ 1832270 h 1832270"/>
                <a:gd name="connsiteX4" fmla="*/ 0 w 1198800"/>
                <a:gd name="connsiteY4" fmla="*/ 0 h 1832270"/>
                <a:gd name="connsiteX0" fmla="*/ 0 w 1198800"/>
                <a:gd name="connsiteY0" fmla="*/ 0 h 1832270"/>
                <a:gd name="connsiteX1" fmla="*/ 1198800 w 1198800"/>
                <a:gd name="connsiteY1" fmla="*/ 441789 h 1832270"/>
                <a:gd name="connsiteX2" fmla="*/ 1198800 w 1198800"/>
                <a:gd name="connsiteY2" fmla="*/ 1832270 h 1832270"/>
                <a:gd name="connsiteX3" fmla="*/ 0 w 1198800"/>
                <a:gd name="connsiteY3" fmla="*/ 1832270 h 1832270"/>
                <a:gd name="connsiteX4" fmla="*/ 0 w 1198800"/>
                <a:gd name="connsiteY4" fmla="*/ 0 h 1832270"/>
                <a:gd name="connsiteX0" fmla="*/ 0 w 1209074"/>
                <a:gd name="connsiteY0" fmla="*/ 0 h 2222688"/>
                <a:gd name="connsiteX1" fmla="*/ 1198800 w 1209074"/>
                <a:gd name="connsiteY1" fmla="*/ 441789 h 2222688"/>
                <a:gd name="connsiteX2" fmla="*/ 1209074 w 1209074"/>
                <a:gd name="connsiteY2" fmla="*/ 2222688 h 2222688"/>
                <a:gd name="connsiteX3" fmla="*/ 0 w 1209074"/>
                <a:gd name="connsiteY3" fmla="*/ 1832270 h 2222688"/>
                <a:gd name="connsiteX4" fmla="*/ 0 w 1209074"/>
                <a:gd name="connsiteY4" fmla="*/ 0 h 2222688"/>
                <a:gd name="connsiteX0" fmla="*/ 0 w 1199255"/>
                <a:gd name="connsiteY0" fmla="*/ 0 h 2212413"/>
                <a:gd name="connsiteX1" fmla="*/ 1198800 w 1199255"/>
                <a:gd name="connsiteY1" fmla="*/ 441789 h 2212413"/>
                <a:gd name="connsiteX2" fmla="*/ 1188525 w 1199255"/>
                <a:gd name="connsiteY2" fmla="*/ 2212413 h 2212413"/>
                <a:gd name="connsiteX3" fmla="*/ 0 w 1199255"/>
                <a:gd name="connsiteY3" fmla="*/ 1832270 h 2212413"/>
                <a:gd name="connsiteX4" fmla="*/ 0 w 1199255"/>
                <a:gd name="connsiteY4" fmla="*/ 0 h 2212413"/>
                <a:gd name="connsiteX0" fmla="*/ 0 w 1199788"/>
                <a:gd name="connsiteY0" fmla="*/ 0 h 2222687"/>
                <a:gd name="connsiteX1" fmla="*/ 1198800 w 1199788"/>
                <a:gd name="connsiteY1" fmla="*/ 441789 h 2222687"/>
                <a:gd name="connsiteX2" fmla="*/ 1198799 w 1199788"/>
                <a:gd name="connsiteY2" fmla="*/ 2222687 h 2222687"/>
                <a:gd name="connsiteX3" fmla="*/ 0 w 1199788"/>
                <a:gd name="connsiteY3" fmla="*/ 1832270 h 2222687"/>
                <a:gd name="connsiteX4" fmla="*/ 0 w 1199788"/>
                <a:gd name="connsiteY4" fmla="*/ 0 h 2222687"/>
                <a:gd name="connsiteX0" fmla="*/ 0 w 1198799"/>
                <a:gd name="connsiteY0" fmla="*/ 0 h 2222687"/>
                <a:gd name="connsiteX1" fmla="*/ 1188526 w 1198799"/>
                <a:gd name="connsiteY1" fmla="*/ 801384 h 2222687"/>
                <a:gd name="connsiteX2" fmla="*/ 1198799 w 1198799"/>
                <a:gd name="connsiteY2" fmla="*/ 2222687 h 2222687"/>
                <a:gd name="connsiteX3" fmla="*/ 0 w 1198799"/>
                <a:gd name="connsiteY3" fmla="*/ 1832270 h 2222687"/>
                <a:gd name="connsiteX4" fmla="*/ 0 w 1198799"/>
                <a:gd name="connsiteY4" fmla="*/ 0 h 2222687"/>
                <a:gd name="connsiteX0" fmla="*/ 0 w 1209073"/>
                <a:gd name="connsiteY0" fmla="*/ 0 h 2643928"/>
                <a:gd name="connsiteX1" fmla="*/ 1188526 w 1209073"/>
                <a:gd name="connsiteY1" fmla="*/ 801384 h 2643928"/>
                <a:gd name="connsiteX2" fmla="*/ 1209073 w 1209073"/>
                <a:gd name="connsiteY2" fmla="*/ 2643928 h 2643928"/>
                <a:gd name="connsiteX3" fmla="*/ 0 w 1209073"/>
                <a:gd name="connsiteY3" fmla="*/ 1832270 h 2643928"/>
                <a:gd name="connsiteX4" fmla="*/ 0 w 1209073"/>
                <a:gd name="connsiteY4" fmla="*/ 0 h 2643928"/>
                <a:gd name="connsiteX0" fmla="*/ 0 w 1198799"/>
                <a:gd name="connsiteY0" fmla="*/ 0 h 2623380"/>
                <a:gd name="connsiteX1" fmla="*/ 1188526 w 1198799"/>
                <a:gd name="connsiteY1" fmla="*/ 801384 h 2623380"/>
                <a:gd name="connsiteX2" fmla="*/ 1198799 w 1198799"/>
                <a:gd name="connsiteY2" fmla="*/ 2623380 h 2623380"/>
                <a:gd name="connsiteX3" fmla="*/ 0 w 1198799"/>
                <a:gd name="connsiteY3" fmla="*/ 1832270 h 2623380"/>
                <a:gd name="connsiteX4" fmla="*/ 0 w 1198799"/>
                <a:gd name="connsiteY4" fmla="*/ 0 h 2623380"/>
                <a:gd name="connsiteX0" fmla="*/ 0 w 1198799"/>
                <a:gd name="connsiteY0" fmla="*/ 0 h 2623380"/>
                <a:gd name="connsiteX1" fmla="*/ 1188526 w 1198799"/>
                <a:gd name="connsiteY1" fmla="*/ 801384 h 2623380"/>
                <a:gd name="connsiteX2" fmla="*/ 1198799 w 1198799"/>
                <a:gd name="connsiteY2" fmla="*/ 2623380 h 2623380"/>
                <a:gd name="connsiteX3" fmla="*/ 0 w 1198799"/>
                <a:gd name="connsiteY3" fmla="*/ 1354486 h 2623380"/>
                <a:gd name="connsiteX4" fmla="*/ 0 w 1198799"/>
                <a:gd name="connsiteY4" fmla="*/ 0 h 2623380"/>
                <a:gd name="connsiteX0" fmla="*/ 0 w 1198799"/>
                <a:gd name="connsiteY0" fmla="*/ 0 h 2623380"/>
                <a:gd name="connsiteX1" fmla="*/ 1188526 w 1198799"/>
                <a:gd name="connsiteY1" fmla="*/ 801384 h 2623380"/>
                <a:gd name="connsiteX2" fmla="*/ 1198799 w 1198799"/>
                <a:gd name="connsiteY2" fmla="*/ 2623380 h 2623380"/>
                <a:gd name="connsiteX3" fmla="*/ 0 w 1198799"/>
                <a:gd name="connsiteY3" fmla="*/ 1149721 h 2623380"/>
                <a:gd name="connsiteX4" fmla="*/ 0 w 1198799"/>
                <a:gd name="connsiteY4" fmla="*/ 0 h 2623380"/>
                <a:gd name="connsiteX0" fmla="*/ 0 w 1198799"/>
                <a:gd name="connsiteY0" fmla="*/ 0 h 2623380"/>
                <a:gd name="connsiteX1" fmla="*/ 1188526 w 1198799"/>
                <a:gd name="connsiteY1" fmla="*/ 801384 h 2623380"/>
                <a:gd name="connsiteX2" fmla="*/ 1198799 w 1198799"/>
                <a:gd name="connsiteY2" fmla="*/ 2623380 h 2623380"/>
                <a:gd name="connsiteX3" fmla="*/ 0 w 1198799"/>
                <a:gd name="connsiteY3" fmla="*/ 1013211 h 2623380"/>
                <a:gd name="connsiteX4" fmla="*/ 0 w 1198799"/>
                <a:gd name="connsiteY4" fmla="*/ 0 h 2623380"/>
                <a:gd name="connsiteX0" fmla="*/ 0 w 1198799"/>
                <a:gd name="connsiteY0" fmla="*/ 0 h 2623380"/>
                <a:gd name="connsiteX1" fmla="*/ 1188526 w 1198799"/>
                <a:gd name="connsiteY1" fmla="*/ 801384 h 2623380"/>
                <a:gd name="connsiteX2" fmla="*/ 1198799 w 1198799"/>
                <a:gd name="connsiteY2" fmla="*/ 2623380 h 2623380"/>
                <a:gd name="connsiteX3" fmla="*/ 28575 w 1198799"/>
                <a:gd name="connsiteY3" fmla="*/ 808445 h 2623380"/>
                <a:gd name="connsiteX4" fmla="*/ 0 w 1198799"/>
                <a:gd name="connsiteY4" fmla="*/ 0 h 2623380"/>
                <a:gd name="connsiteX0" fmla="*/ 0 w 1198799"/>
                <a:gd name="connsiteY0" fmla="*/ 0 h 2623380"/>
                <a:gd name="connsiteX1" fmla="*/ 1188526 w 1198799"/>
                <a:gd name="connsiteY1" fmla="*/ 801384 h 2623380"/>
                <a:gd name="connsiteX2" fmla="*/ 1198799 w 1198799"/>
                <a:gd name="connsiteY2" fmla="*/ 2623380 h 2623380"/>
                <a:gd name="connsiteX3" fmla="*/ 95250 w 1198799"/>
                <a:gd name="connsiteY3" fmla="*/ 580929 h 2623380"/>
                <a:gd name="connsiteX4" fmla="*/ 0 w 1198799"/>
                <a:gd name="connsiteY4" fmla="*/ 0 h 2623380"/>
                <a:gd name="connsiteX0" fmla="*/ 0 w 1198799"/>
                <a:gd name="connsiteY0" fmla="*/ 0 h 2623380"/>
                <a:gd name="connsiteX1" fmla="*/ 1188526 w 1198799"/>
                <a:gd name="connsiteY1" fmla="*/ 801384 h 2623380"/>
                <a:gd name="connsiteX2" fmla="*/ 1198799 w 1198799"/>
                <a:gd name="connsiteY2" fmla="*/ 2623380 h 2623380"/>
                <a:gd name="connsiteX3" fmla="*/ 19050 w 1198799"/>
                <a:gd name="connsiteY3" fmla="*/ 740190 h 2623380"/>
                <a:gd name="connsiteX4" fmla="*/ 0 w 1198799"/>
                <a:gd name="connsiteY4" fmla="*/ 0 h 2623380"/>
                <a:gd name="connsiteX0" fmla="*/ 0 w 1198799"/>
                <a:gd name="connsiteY0" fmla="*/ 0 h 2623380"/>
                <a:gd name="connsiteX1" fmla="*/ 1188526 w 1198799"/>
                <a:gd name="connsiteY1" fmla="*/ 801384 h 2623380"/>
                <a:gd name="connsiteX2" fmla="*/ 1198799 w 1198799"/>
                <a:gd name="connsiteY2" fmla="*/ 2623380 h 2623380"/>
                <a:gd name="connsiteX3" fmla="*/ 0 w 1198799"/>
                <a:gd name="connsiteY3" fmla="*/ 740190 h 2623380"/>
                <a:gd name="connsiteX4" fmla="*/ 0 w 1198799"/>
                <a:gd name="connsiteY4" fmla="*/ 0 h 2623380"/>
                <a:gd name="connsiteX0" fmla="*/ 0 w 1199134"/>
                <a:gd name="connsiteY0" fmla="*/ 0 h 2623380"/>
                <a:gd name="connsiteX1" fmla="*/ 1198051 w 1199134"/>
                <a:gd name="connsiteY1" fmla="*/ 824136 h 2623380"/>
                <a:gd name="connsiteX2" fmla="*/ 1198799 w 1199134"/>
                <a:gd name="connsiteY2" fmla="*/ 2623380 h 2623380"/>
                <a:gd name="connsiteX3" fmla="*/ 0 w 1199134"/>
                <a:gd name="connsiteY3" fmla="*/ 740190 h 2623380"/>
                <a:gd name="connsiteX4" fmla="*/ 0 w 1199134"/>
                <a:gd name="connsiteY4" fmla="*/ 0 h 2623380"/>
                <a:gd name="connsiteX0" fmla="*/ 19050 w 1199134"/>
                <a:gd name="connsiteY0" fmla="*/ 0 h 3419689"/>
                <a:gd name="connsiteX1" fmla="*/ 1198051 w 1199134"/>
                <a:gd name="connsiteY1" fmla="*/ 1620445 h 3419689"/>
                <a:gd name="connsiteX2" fmla="*/ 1198799 w 1199134"/>
                <a:gd name="connsiteY2" fmla="*/ 3419689 h 3419689"/>
                <a:gd name="connsiteX3" fmla="*/ 0 w 1199134"/>
                <a:gd name="connsiteY3" fmla="*/ 1536499 h 3419689"/>
                <a:gd name="connsiteX4" fmla="*/ 19050 w 1199134"/>
                <a:gd name="connsiteY4" fmla="*/ 0 h 3419689"/>
                <a:gd name="connsiteX0" fmla="*/ 19050 w 1199134"/>
                <a:gd name="connsiteY0" fmla="*/ 0 h 3487944"/>
                <a:gd name="connsiteX1" fmla="*/ 1198051 w 1199134"/>
                <a:gd name="connsiteY1" fmla="*/ 1688700 h 3487944"/>
                <a:gd name="connsiteX2" fmla="*/ 1198799 w 1199134"/>
                <a:gd name="connsiteY2" fmla="*/ 3487944 h 3487944"/>
                <a:gd name="connsiteX3" fmla="*/ 0 w 1199134"/>
                <a:gd name="connsiteY3" fmla="*/ 1604754 h 3487944"/>
                <a:gd name="connsiteX4" fmla="*/ 19050 w 1199134"/>
                <a:gd name="connsiteY4" fmla="*/ 0 h 3487944"/>
                <a:gd name="connsiteX0" fmla="*/ 19050 w 1199134"/>
                <a:gd name="connsiteY0" fmla="*/ 0 h 3533447"/>
                <a:gd name="connsiteX1" fmla="*/ 1198051 w 1199134"/>
                <a:gd name="connsiteY1" fmla="*/ 1688700 h 3533447"/>
                <a:gd name="connsiteX2" fmla="*/ 1198799 w 1199134"/>
                <a:gd name="connsiteY2" fmla="*/ 3533447 h 3533447"/>
                <a:gd name="connsiteX3" fmla="*/ 0 w 1199134"/>
                <a:gd name="connsiteY3" fmla="*/ 1604754 h 3533447"/>
                <a:gd name="connsiteX4" fmla="*/ 19050 w 1199134"/>
                <a:gd name="connsiteY4" fmla="*/ 0 h 3533447"/>
                <a:gd name="connsiteX0" fmla="*/ 19050 w 1199134"/>
                <a:gd name="connsiteY0" fmla="*/ 0 h 3556199"/>
                <a:gd name="connsiteX1" fmla="*/ 1198051 w 1199134"/>
                <a:gd name="connsiteY1" fmla="*/ 1688700 h 3556199"/>
                <a:gd name="connsiteX2" fmla="*/ 1198799 w 1199134"/>
                <a:gd name="connsiteY2" fmla="*/ 3556199 h 3556199"/>
                <a:gd name="connsiteX3" fmla="*/ 0 w 1199134"/>
                <a:gd name="connsiteY3" fmla="*/ 1604754 h 3556199"/>
                <a:gd name="connsiteX4" fmla="*/ 19050 w 1199134"/>
                <a:gd name="connsiteY4" fmla="*/ 0 h 3556199"/>
                <a:gd name="connsiteX0" fmla="*/ 19050 w 1199134"/>
                <a:gd name="connsiteY0" fmla="*/ 0 h 3556199"/>
                <a:gd name="connsiteX1" fmla="*/ 1198051 w 1199134"/>
                <a:gd name="connsiteY1" fmla="*/ 1984472 h 3556199"/>
                <a:gd name="connsiteX2" fmla="*/ 1198799 w 1199134"/>
                <a:gd name="connsiteY2" fmla="*/ 3556199 h 3556199"/>
                <a:gd name="connsiteX3" fmla="*/ 0 w 1199134"/>
                <a:gd name="connsiteY3" fmla="*/ 1604754 h 3556199"/>
                <a:gd name="connsiteX4" fmla="*/ 19050 w 1199134"/>
                <a:gd name="connsiteY4" fmla="*/ 0 h 3556199"/>
                <a:gd name="connsiteX0" fmla="*/ 38488 w 1218572"/>
                <a:gd name="connsiteY0" fmla="*/ 0 h 3556199"/>
                <a:gd name="connsiteX1" fmla="*/ 1217489 w 1218572"/>
                <a:gd name="connsiteY1" fmla="*/ 1984472 h 3556199"/>
                <a:gd name="connsiteX2" fmla="*/ 1218237 w 1218572"/>
                <a:gd name="connsiteY2" fmla="*/ 3556199 h 3556199"/>
                <a:gd name="connsiteX3" fmla="*/ 0 w 1218572"/>
                <a:gd name="connsiteY3" fmla="*/ 1604754 h 3556199"/>
                <a:gd name="connsiteX4" fmla="*/ 38488 w 1218572"/>
                <a:gd name="connsiteY4" fmla="*/ 0 h 3556199"/>
                <a:gd name="connsiteX0" fmla="*/ 43348 w 1218572"/>
                <a:gd name="connsiteY0" fmla="*/ 0 h 3556199"/>
                <a:gd name="connsiteX1" fmla="*/ 1217489 w 1218572"/>
                <a:gd name="connsiteY1" fmla="*/ 1984472 h 3556199"/>
                <a:gd name="connsiteX2" fmla="*/ 1218237 w 1218572"/>
                <a:gd name="connsiteY2" fmla="*/ 3556199 h 3556199"/>
                <a:gd name="connsiteX3" fmla="*/ 0 w 1218572"/>
                <a:gd name="connsiteY3" fmla="*/ 1604754 h 3556199"/>
                <a:gd name="connsiteX4" fmla="*/ 43348 w 1218572"/>
                <a:gd name="connsiteY4" fmla="*/ 0 h 3556199"/>
                <a:gd name="connsiteX0" fmla="*/ 38488 w 1218572"/>
                <a:gd name="connsiteY0" fmla="*/ 0 h 3567574"/>
                <a:gd name="connsiteX1" fmla="*/ 1217489 w 1218572"/>
                <a:gd name="connsiteY1" fmla="*/ 1995847 h 3567574"/>
                <a:gd name="connsiteX2" fmla="*/ 1218237 w 1218572"/>
                <a:gd name="connsiteY2" fmla="*/ 3567574 h 3567574"/>
                <a:gd name="connsiteX3" fmla="*/ 0 w 1218572"/>
                <a:gd name="connsiteY3" fmla="*/ 1616129 h 3567574"/>
                <a:gd name="connsiteX4" fmla="*/ 38488 w 1218572"/>
                <a:gd name="connsiteY4" fmla="*/ 0 h 3567574"/>
                <a:gd name="connsiteX0" fmla="*/ 33629 w 1218572"/>
                <a:gd name="connsiteY0" fmla="*/ 0 h 3567574"/>
                <a:gd name="connsiteX1" fmla="*/ 1217489 w 1218572"/>
                <a:gd name="connsiteY1" fmla="*/ 1995847 h 3567574"/>
                <a:gd name="connsiteX2" fmla="*/ 1218237 w 1218572"/>
                <a:gd name="connsiteY2" fmla="*/ 3567574 h 3567574"/>
                <a:gd name="connsiteX3" fmla="*/ 0 w 1218572"/>
                <a:gd name="connsiteY3" fmla="*/ 1616129 h 3567574"/>
                <a:gd name="connsiteX4" fmla="*/ 33629 w 1218572"/>
                <a:gd name="connsiteY4" fmla="*/ 0 h 3567574"/>
                <a:gd name="connsiteX0" fmla="*/ 28769 w 1218572"/>
                <a:gd name="connsiteY0" fmla="*/ 0 h 3590326"/>
                <a:gd name="connsiteX1" fmla="*/ 1217489 w 1218572"/>
                <a:gd name="connsiteY1" fmla="*/ 2018599 h 3590326"/>
                <a:gd name="connsiteX2" fmla="*/ 1218237 w 1218572"/>
                <a:gd name="connsiteY2" fmla="*/ 3590326 h 3590326"/>
                <a:gd name="connsiteX3" fmla="*/ 0 w 1218572"/>
                <a:gd name="connsiteY3" fmla="*/ 1638881 h 3590326"/>
                <a:gd name="connsiteX4" fmla="*/ 28769 w 1218572"/>
                <a:gd name="connsiteY4" fmla="*/ 0 h 3590326"/>
                <a:gd name="connsiteX0" fmla="*/ 28769 w 1218572"/>
                <a:gd name="connsiteY0" fmla="*/ 0 h 3590326"/>
                <a:gd name="connsiteX1" fmla="*/ 1217489 w 1218572"/>
                <a:gd name="connsiteY1" fmla="*/ 2018599 h 3590326"/>
                <a:gd name="connsiteX2" fmla="*/ 1218237 w 1218572"/>
                <a:gd name="connsiteY2" fmla="*/ 3590326 h 3590326"/>
                <a:gd name="connsiteX3" fmla="*/ 0 w 1218572"/>
                <a:gd name="connsiteY3" fmla="*/ 1638881 h 3590326"/>
                <a:gd name="connsiteX4" fmla="*/ 28769 w 1218572"/>
                <a:gd name="connsiteY4" fmla="*/ 0 h 3590326"/>
                <a:gd name="connsiteX0" fmla="*/ 23910 w 1218572"/>
                <a:gd name="connsiteY0" fmla="*/ 0 h 3590326"/>
                <a:gd name="connsiteX1" fmla="*/ 1217489 w 1218572"/>
                <a:gd name="connsiteY1" fmla="*/ 2018599 h 3590326"/>
                <a:gd name="connsiteX2" fmla="*/ 1218237 w 1218572"/>
                <a:gd name="connsiteY2" fmla="*/ 3590326 h 3590326"/>
                <a:gd name="connsiteX3" fmla="*/ 0 w 1218572"/>
                <a:gd name="connsiteY3" fmla="*/ 1638881 h 3590326"/>
                <a:gd name="connsiteX4" fmla="*/ 23910 w 1218572"/>
                <a:gd name="connsiteY4" fmla="*/ 0 h 3590326"/>
                <a:gd name="connsiteX0" fmla="*/ 23910 w 1218572"/>
                <a:gd name="connsiteY0" fmla="*/ 0 h 3601703"/>
                <a:gd name="connsiteX1" fmla="*/ 1217489 w 1218572"/>
                <a:gd name="connsiteY1" fmla="*/ 2029976 h 3601703"/>
                <a:gd name="connsiteX2" fmla="*/ 1218237 w 1218572"/>
                <a:gd name="connsiteY2" fmla="*/ 3601703 h 3601703"/>
                <a:gd name="connsiteX3" fmla="*/ 0 w 1218572"/>
                <a:gd name="connsiteY3" fmla="*/ 1650258 h 3601703"/>
                <a:gd name="connsiteX4" fmla="*/ 23910 w 1218572"/>
                <a:gd name="connsiteY4" fmla="*/ 0 h 3601703"/>
                <a:gd name="connsiteX0" fmla="*/ 23910 w 1218572"/>
                <a:gd name="connsiteY0" fmla="*/ 0 h 3578951"/>
                <a:gd name="connsiteX1" fmla="*/ 1217489 w 1218572"/>
                <a:gd name="connsiteY1" fmla="*/ 2007224 h 3578951"/>
                <a:gd name="connsiteX2" fmla="*/ 1218237 w 1218572"/>
                <a:gd name="connsiteY2" fmla="*/ 3578951 h 3578951"/>
                <a:gd name="connsiteX3" fmla="*/ 0 w 1218572"/>
                <a:gd name="connsiteY3" fmla="*/ 1627506 h 3578951"/>
                <a:gd name="connsiteX4" fmla="*/ 23910 w 1218572"/>
                <a:gd name="connsiteY4" fmla="*/ 0 h 3578951"/>
                <a:gd name="connsiteX0" fmla="*/ 9330 w 1218572"/>
                <a:gd name="connsiteY0" fmla="*/ 0 h 3578951"/>
                <a:gd name="connsiteX1" fmla="*/ 1217489 w 1218572"/>
                <a:gd name="connsiteY1" fmla="*/ 2007224 h 3578951"/>
                <a:gd name="connsiteX2" fmla="*/ 1218237 w 1218572"/>
                <a:gd name="connsiteY2" fmla="*/ 3578951 h 3578951"/>
                <a:gd name="connsiteX3" fmla="*/ 0 w 1218572"/>
                <a:gd name="connsiteY3" fmla="*/ 1627506 h 3578951"/>
                <a:gd name="connsiteX4" fmla="*/ 9330 w 1218572"/>
                <a:gd name="connsiteY4" fmla="*/ 0 h 35789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218572" h="3578951">
                  <a:moveTo>
                    <a:pt x="9330" y="0"/>
                  </a:moveTo>
                  <a:lnTo>
                    <a:pt x="1217489" y="2007224"/>
                  </a:lnTo>
                  <a:cubicBezTo>
                    <a:pt x="1220914" y="2600857"/>
                    <a:pt x="1214812" y="2985318"/>
                    <a:pt x="1218237" y="3578951"/>
                  </a:cubicBezTo>
                  <a:lnTo>
                    <a:pt x="0" y="1627506"/>
                  </a:lnTo>
                  <a:lnTo>
                    <a:pt x="9330" y="0"/>
                  </a:lnTo>
                  <a:close/>
                </a:path>
              </a:pathLst>
            </a:custGeom>
            <a:solidFill>
              <a:schemeClr val="accent2"/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grpSp>
        <p:nvGrpSpPr>
          <p:cNvPr id="80" name="组合 79">
            <a:extLst>
              <a:ext uri="{FF2B5EF4-FFF2-40B4-BE49-F238E27FC236}">
                <a16:creationId xmlns:a16="http://schemas.microsoft.com/office/drawing/2014/main" id="{B0F3C26E-1717-4EB7-BDFC-869778F6C915}"/>
              </a:ext>
            </a:extLst>
          </p:cNvPr>
          <p:cNvGrpSpPr/>
          <p:nvPr/>
        </p:nvGrpSpPr>
        <p:grpSpPr>
          <a:xfrm>
            <a:off x="3333909" y="1261981"/>
            <a:ext cx="762687" cy="3334922"/>
            <a:chOff x="4603369" y="1409986"/>
            <a:chExt cx="762687" cy="3334922"/>
          </a:xfrm>
        </p:grpSpPr>
        <p:sp>
          <p:nvSpPr>
            <p:cNvPr id="81" name="矩形 80">
              <a:extLst>
                <a:ext uri="{FF2B5EF4-FFF2-40B4-BE49-F238E27FC236}">
                  <a16:creationId xmlns:a16="http://schemas.microsoft.com/office/drawing/2014/main" id="{92DE3A6E-8B41-48A7-9D30-04A4FF13FD76}"/>
                </a:ext>
              </a:extLst>
            </p:cNvPr>
            <p:cNvSpPr/>
            <p:nvPr/>
          </p:nvSpPr>
          <p:spPr>
            <a:xfrm>
              <a:off x="4603369" y="1609178"/>
              <a:ext cx="238172" cy="2207584"/>
            </a:xfrm>
            <a:custGeom>
              <a:avLst/>
              <a:gdLst>
                <a:gd name="connsiteX0" fmla="*/ 0 w 593013"/>
                <a:gd name="connsiteY0" fmla="*/ 0 h 1832270"/>
                <a:gd name="connsiteX1" fmla="*/ 593013 w 593013"/>
                <a:gd name="connsiteY1" fmla="*/ 0 h 1832270"/>
                <a:gd name="connsiteX2" fmla="*/ 593013 w 593013"/>
                <a:gd name="connsiteY2" fmla="*/ 1832270 h 1832270"/>
                <a:gd name="connsiteX3" fmla="*/ 0 w 593013"/>
                <a:gd name="connsiteY3" fmla="*/ 1832270 h 1832270"/>
                <a:gd name="connsiteX4" fmla="*/ 0 w 593013"/>
                <a:gd name="connsiteY4" fmla="*/ 0 h 1832270"/>
                <a:gd name="connsiteX0" fmla="*/ 0 w 593013"/>
                <a:gd name="connsiteY0" fmla="*/ 0 h 2207584"/>
                <a:gd name="connsiteX1" fmla="*/ 593013 w 593013"/>
                <a:gd name="connsiteY1" fmla="*/ 0 h 2207584"/>
                <a:gd name="connsiteX2" fmla="*/ 238172 w 593013"/>
                <a:gd name="connsiteY2" fmla="*/ 2207584 h 2207584"/>
                <a:gd name="connsiteX3" fmla="*/ 0 w 593013"/>
                <a:gd name="connsiteY3" fmla="*/ 1832270 h 2207584"/>
                <a:gd name="connsiteX4" fmla="*/ 0 w 593013"/>
                <a:gd name="connsiteY4" fmla="*/ 0 h 2207584"/>
                <a:gd name="connsiteX0" fmla="*/ 0 w 238172"/>
                <a:gd name="connsiteY0" fmla="*/ 0 h 2207584"/>
                <a:gd name="connsiteX1" fmla="*/ 238172 w 238172"/>
                <a:gd name="connsiteY1" fmla="*/ 375314 h 2207584"/>
                <a:gd name="connsiteX2" fmla="*/ 238172 w 238172"/>
                <a:gd name="connsiteY2" fmla="*/ 2207584 h 2207584"/>
                <a:gd name="connsiteX3" fmla="*/ 0 w 238172"/>
                <a:gd name="connsiteY3" fmla="*/ 1832270 h 2207584"/>
                <a:gd name="connsiteX4" fmla="*/ 0 w 238172"/>
                <a:gd name="connsiteY4" fmla="*/ 0 h 2207584"/>
                <a:gd name="connsiteX0" fmla="*/ 0 w 238172"/>
                <a:gd name="connsiteY0" fmla="*/ 0 h 2207584"/>
                <a:gd name="connsiteX1" fmla="*/ 238172 w 238172"/>
                <a:gd name="connsiteY1" fmla="*/ 402609 h 2207584"/>
                <a:gd name="connsiteX2" fmla="*/ 238172 w 238172"/>
                <a:gd name="connsiteY2" fmla="*/ 2207584 h 2207584"/>
                <a:gd name="connsiteX3" fmla="*/ 0 w 238172"/>
                <a:gd name="connsiteY3" fmla="*/ 1832270 h 2207584"/>
                <a:gd name="connsiteX4" fmla="*/ 0 w 238172"/>
                <a:gd name="connsiteY4" fmla="*/ 0 h 22075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38172" h="2207584">
                  <a:moveTo>
                    <a:pt x="0" y="0"/>
                  </a:moveTo>
                  <a:lnTo>
                    <a:pt x="238172" y="402609"/>
                  </a:lnTo>
                  <a:lnTo>
                    <a:pt x="238172" y="2207584"/>
                  </a:lnTo>
                  <a:lnTo>
                    <a:pt x="0" y="183227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4">
                <a:lumMod val="20000"/>
                <a:lumOff val="8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82" name="矩形 81">
              <a:extLst>
                <a:ext uri="{FF2B5EF4-FFF2-40B4-BE49-F238E27FC236}">
                  <a16:creationId xmlns:a16="http://schemas.microsoft.com/office/drawing/2014/main" id="{ED4283B5-672D-462E-8FF0-4155A0102592}"/>
                </a:ext>
              </a:extLst>
            </p:cNvPr>
            <p:cNvSpPr/>
            <p:nvPr/>
          </p:nvSpPr>
          <p:spPr>
            <a:xfrm>
              <a:off x="4838697" y="2005063"/>
              <a:ext cx="527359" cy="2739845"/>
            </a:xfrm>
            <a:custGeom>
              <a:avLst/>
              <a:gdLst>
                <a:gd name="connsiteX0" fmla="*/ 0 w 1198800"/>
                <a:gd name="connsiteY0" fmla="*/ 0 h 1832270"/>
                <a:gd name="connsiteX1" fmla="*/ 1198800 w 1198800"/>
                <a:gd name="connsiteY1" fmla="*/ 0 h 1832270"/>
                <a:gd name="connsiteX2" fmla="*/ 1198800 w 1198800"/>
                <a:gd name="connsiteY2" fmla="*/ 1832270 h 1832270"/>
                <a:gd name="connsiteX3" fmla="*/ 0 w 1198800"/>
                <a:gd name="connsiteY3" fmla="*/ 1832270 h 1832270"/>
                <a:gd name="connsiteX4" fmla="*/ 0 w 1198800"/>
                <a:gd name="connsiteY4" fmla="*/ 0 h 1832270"/>
                <a:gd name="connsiteX0" fmla="*/ 0 w 1198800"/>
                <a:gd name="connsiteY0" fmla="*/ 0 h 1832270"/>
                <a:gd name="connsiteX1" fmla="*/ 673362 w 1198800"/>
                <a:gd name="connsiteY1" fmla="*/ 1207827 h 1832270"/>
                <a:gd name="connsiteX2" fmla="*/ 1198800 w 1198800"/>
                <a:gd name="connsiteY2" fmla="*/ 1832270 h 1832270"/>
                <a:gd name="connsiteX3" fmla="*/ 0 w 1198800"/>
                <a:gd name="connsiteY3" fmla="*/ 1832270 h 1832270"/>
                <a:gd name="connsiteX4" fmla="*/ 0 w 1198800"/>
                <a:gd name="connsiteY4" fmla="*/ 0 h 1832270"/>
                <a:gd name="connsiteX0" fmla="*/ 0 w 673362"/>
                <a:gd name="connsiteY0" fmla="*/ 0 h 2657959"/>
                <a:gd name="connsiteX1" fmla="*/ 673362 w 673362"/>
                <a:gd name="connsiteY1" fmla="*/ 1207827 h 2657959"/>
                <a:gd name="connsiteX2" fmla="*/ 475469 w 673362"/>
                <a:gd name="connsiteY2" fmla="*/ 2657959 h 2657959"/>
                <a:gd name="connsiteX3" fmla="*/ 0 w 673362"/>
                <a:gd name="connsiteY3" fmla="*/ 1832270 h 2657959"/>
                <a:gd name="connsiteX4" fmla="*/ 0 w 673362"/>
                <a:gd name="connsiteY4" fmla="*/ 0 h 2657959"/>
                <a:gd name="connsiteX0" fmla="*/ 0 w 536884"/>
                <a:gd name="connsiteY0" fmla="*/ 0 h 2657959"/>
                <a:gd name="connsiteX1" fmla="*/ 536884 w 536884"/>
                <a:gd name="connsiteY1" fmla="*/ 975815 h 2657959"/>
                <a:gd name="connsiteX2" fmla="*/ 475469 w 536884"/>
                <a:gd name="connsiteY2" fmla="*/ 2657959 h 2657959"/>
                <a:gd name="connsiteX3" fmla="*/ 0 w 536884"/>
                <a:gd name="connsiteY3" fmla="*/ 1832270 h 2657959"/>
                <a:gd name="connsiteX4" fmla="*/ 0 w 536884"/>
                <a:gd name="connsiteY4" fmla="*/ 0 h 2657959"/>
                <a:gd name="connsiteX0" fmla="*/ 0 w 536884"/>
                <a:gd name="connsiteY0" fmla="*/ 0 h 2623839"/>
                <a:gd name="connsiteX1" fmla="*/ 536884 w 536884"/>
                <a:gd name="connsiteY1" fmla="*/ 975815 h 2623839"/>
                <a:gd name="connsiteX2" fmla="*/ 441350 w 536884"/>
                <a:gd name="connsiteY2" fmla="*/ 2623839 h 2623839"/>
                <a:gd name="connsiteX3" fmla="*/ 0 w 536884"/>
                <a:gd name="connsiteY3" fmla="*/ 1832270 h 2623839"/>
                <a:gd name="connsiteX4" fmla="*/ 0 w 536884"/>
                <a:gd name="connsiteY4" fmla="*/ 0 h 2623839"/>
                <a:gd name="connsiteX0" fmla="*/ 0 w 536884"/>
                <a:gd name="connsiteY0" fmla="*/ 0 h 2610191"/>
                <a:gd name="connsiteX1" fmla="*/ 536884 w 536884"/>
                <a:gd name="connsiteY1" fmla="*/ 975815 h 2610191"/>
                <a:gd name="connsiteX2" fmla="*/ 434526 w 536884"/>
                <a:gd name="connsiteY2" fmla="*/ 2610191 h 2610191"/>
                <a:gd name="connsiteX3" fmla="*/ 0 w 536884"/>
                <a:gd name="connsiteY3" fmla="*/ 1832270 h 2610191"/>
                <a:gd name="connsiteX4" fmla="*/ 0 w 536884"/>
                <a:gd name="connsiteY4" fmla="*/ 0 h 2610191"/>
                <a:gd name="connsiteX0" fmla="*/ 0 w 557356"/>
                <a:gd name="connsiteY0" fmla="*/ 0 h 2610191"/>
                <a:gd name="connsiteX1" fmla="*/ 557356 w 557356"/>
                <a:gd name="connsiteY1" fmla="*/ 1003111 h 2610191"/>
                <a:gd name="connsiteX2" fmla="*/ 434526 w 557356"/>
                <a:gd name="connsiteY2" fmla="*/ 2610191 h 2610191"/>
                <a:gd name="connsiteX3" fmla="*/ 0 w 557356"/>
                <a:gd name="connsiteY3" fmla="*/ 1832270 h 2610191"/>
                <a:gd name="connsiteX4" fmla="*/ 0 w 557356"/>
                <a:gd name="connsiteY4" fmla="*/ 0 h 2610191"/>
                <a:gd name="connsiteX0" fmla="*/ 0 w 557356"/>
                <a:gd name="connsiteY0" fmla="*/ 0 h 2610191"/>
                <a:gd name="connsiteX1" fmla="*/ 557356 w 557356"/>
                <a:gd name="connsiteY1" fmla="*/ 1030406 h 2610191"/>
                <a:gd name="connsiteX2" fmla="*/ 434526 w 557356"/>
                <a:gd name="connsiteY2" fmla="*/ 2610191 h 2610191"/>
                <a:gd name="connsiteX3" fmla="*/ 0 w 557356"/>
                <a:gd name="connsiteY3" fmla="*/ 1832270 h 2610191"/>
                <a:gd name="connsiteX4" fmla="*/ 0 w 557356"/>
                <a:gd name="connsiteY4" fmla="*/ 0 h 2610191"/>
                <a:gd name="connsiteX0" fmla="*/ 0 w 584651"/>
                <a:gd name="connsiteY0" fmla="*/ 0 h 2610191"/>
                <a:gd name="connsiteX1" fmla="*/ 584651 w 584651"/>
                <a:gd name="connsiteY1" fmla="*/ 1064526 h 2610191"/>
                <a:gd name="connsiteX2" fmla="*/ 434526 w 584651"/>
                <a:gd name="connsiteY2" fmla="*/ 2610191 h 2610191"/>
                <a:gd name="connsiteX3" fmla="*/ 0 w 584651"/>
                <a:gd name="connsiteY3" fmla="*/ 1832270 h 2610191"/>
                <a:gd name="connsiteX4" fmla="*/ 0 w 584651"/>
                <a:gd name="connsiteY4" fmla="*/ 0 h 2610191"/>
                <a:gd name="connsiteX0" fmla="*/ 0 w 584651"/>
                <a:gd name="connsiteY0" fmla="*/ 0 h 2787612"/>
                <a:gd name="connsiteX1" fmla="*/ 584651 w 584651"/>
                <a:gd name="connsiteY1" fmla="*/ 1064526 h 2787612"/>
                <a:gd name="connsiteX2" fmla="*/ 536884 w 584651"/>
                <a:gd name="connsiteY2" fmla="*/ 2787612 h 2787612"/>
                <a:gd name="connsiteX3" fmla="*/ 0 w 584651"/>
                <a:gd name="connsiteY3" fmla="*/ 1832270 h 2787612"/>
                <a:gd name="connsiteX4" fmla="*/ 0 w 584651"/>
                <a:gd name="connsiteY4" fmla="*/ 0 h 2787612"/>
                <a:gd name="connsiteX0" fmla="*/ 0 w 543708"/>
                <a:gd name="connsiteY0" fmla="*/ 0 h 2787612"/>
                <a:gd name="connsiteX1" fmla="*/ 543708 w 543708"/>
                <a:gd name="connsiteY1" fmla="*/ 975816 h 2787612"/>
                <a:gd name="connsiteX2" fmla="*/ 536884 w 543708"/>
                <a:gd name="connsiteY2" fmla="*/ 2787612 h 2787612"/>
                <a:gd name="connsiteX3" fmla="*/ 0 w 543708"/>
                <a:gd name="connsiteY3" fmla="*/ 1832270 h 2787612"/>
                <a:gd name="connsiteX4" fmla="*/ 0 w 543708"/>
                <a:gd name="connsiteY4" fmla="*/ 0 h 2787612"/>
                <a:gd name="connsiteX0" fmla="*/ 0 w 543708"/>
                <a:gd name="connsiteY0" fmla="*/ 0 h 2780788"/>
                <a:gd name="connsiteX1" fmla="*/ 543708 w 543708"/>
                <a:gd name="connsiteY1" fmla="*/ 968992 h 2780788"/>
                <a:gd name="connsiteX2" fmla="*/ 536884 w 543708"/>
                <a:gd name="connsiteY2" fmla="*/ 2780788 h 2780788"/>
                <a:gd name="connsiteX3" fmla="*/ 0 w 543708"/>
                <a:gd name="connsiteY3" fmla="*/ 1825446 h 2780788"/>
                <a:gd name="connsiteX4" fmla="*/ 0 w 543708"/>
                <a:gd name="connsiteY4" fmla="*/ 0 h 2780788"/>
                <a:gd name="connsiteX0" fmla="*/ 0 w 543708"/>
                <a:gd name="connsiteY0" fmla="*/ 0 h 2780788"/>
                <a:gd name="connsiteX1" fmla="*/ 543708 w 543708"/>
                <a:gd name="connsiteY1" fmla="*/ 955344 h 2780788"/>
                <a:gd name="connsiteX2" fmla="*/ 536884 w 543708"/>
                <a:gd name="connsiteY2" fmla="*/ 2780788 h 2780788"/>
                <a:gd name="connsiteX3" fmla="*/ 0 w 543708"/>
                <a:gd name="connsiteY3" fmla="*/ 1825446 h 2780788"/>
                <a:gd name="connsiteX4" fmla="*/ 0 w 543708"/>
                <a:gd name="connsiteY4" fmla="*/ 0 h 2780788"/>
                <a:gd name="connsiteX0" fmla="*/ 0 w 543708"/>
                <a:gd name="connsiteY0" fmla="*/ 0 h 2767140"/>
                <a:gd name="connsiteX1" fmla="*/ 543708 w 543708"/>
                <a:gd name="connsiteY1" fmla="*/ 955344 h 2767140"/>
                <a:gd name="connsiteX2" fmla="*/ 530060 w 543708"/>
                <a:gd name="connsiteY2" fmla="*/ 2767140 h 2767140"/>
                <a:gd name="connsiteX3" fmla="*/ 0 w 543708"/>
                <a:gd name="connsiteY3" fmla="*/ 1825446 h 2767140"/>
                <a:gd name="connsiteX4" fmla="*/ 0 w 543708"/>
                <a:gd name="connsiteY4" fmla="*/ 0 h 2767140"/>
                <a:gd name="connsiteX0" fmla="*/ 0 w 543708"/>
                <a:gd name="connsiteY0" fmla="*/ 0 h 2767140"/>
                <a:gd name="connsiteX1" fmla="*/ 543708 w 543708"/>
                <a:gd name="connsiteY1" fmla="*/ 962168 h 2767140"/>
                <a:gd name="connsiteX2" fmla="*/ 530060 w 543708"/>
                <a:gd name="connsiteY2" fmla="*/ 2767140 h 2767140"/>
                <a:gd name="connsiteX3" fmla="*/ 0 w 543708"/>
                <a:gd name="connsiteY3" fmla="*/ 1825446 h 2767140"/>
                <a:gd name="connsiteX4" fmla="*/ 0 w 543708"/>
                <a:gd name="connsiteY4" fmla="*/ 0 h 2767140"/>
                <a:gd name="connsiteX0" fmla="*/ 0 w 536884"/>
                <a:gd name="connsiteY0" fmla="*/ 0 h 2767140"/>
                <a:gd name="connsiteX1" fmla="*/ 536884 w 536884"/>
                <a:gd name="connsiteY1" fmla="*/ 948520 h 2767140"/>
                <a:gd name="connsiteX2" fmla="*/ 530060 w 536884"/>
                <a:gd name="connsiteY2" fmla="*/ 2767140 h 2767140"/>
                <a:gd name="connsiteX3" fmla="*/ 0 w 536884"/>
                <a:gd name="connsiteY3" fmla="*/ 1825446 h 2767140"/>
                <a:gd name="connsiteX4" fmla="*/ 0 w 536884"/>
                <a:gd name="connsiteY4" fmla="*/ 0 h 2767140"/>
                <a:gd name="connsiteX0" fmla="*/ 0 w 536884"/>
                <a:gd name="connsiteY0" fmla="*/ 0 h 2746669"/>
                <a:gd name="connsiteX1" fmla="*/ 536884 w 536884"/>
                <a:gd name="connsiteY1" fmla="*/ 948520 h 2746669"/>
                <a:gd name="connsiteX2" fmla="*/ 523236 w 536884"/>
                <a:gd name="connsiteY2" fmla="*/ 2746669 h 2746669"/>
                <a:gd name="connsiteX3" fmla="*/ 0 w 536884"/>
                <a:gd name="connsiteY3" fmla="*/ 1825446 h 2746669"/>
                <a:gd name="connsiteX4" fmla="*/ 0 w 536884"/>
                <a:gd name="connsiteY4" fmla="*/ 0 h 2746669"/>
                <a:gd name="connsiteX0" fmla="*/ 0 w 550532"/>
                <a:gd name="connsiteY0" fmla="*/ 0 h 2746669"/>
                <a:gd name="connsiteX1" fmla="*/ 550532 w 550532"/>
                <a:gd name="connsiteY1" fmla="*/ 948520 h 2746669"/>
                <a:gd name="connsiteX2" fmla="*/ 523236 w 550532"/>
                <a:gd name="connsiteY2" fmla="*/ 2746669 h 2746669"/>
                <a:gd name="connsiteX3" fmla="*/ 0 w 550532"/>
                <a:gd name="connsiteY3" fmla="*/ 1825446 h 2746669"/>
                <a:gd name="connsiteX4" fmla="*/ 0 w 550532"/>
                <a:gd name="connsiteY4" fmla="*/ 0 h 2746669"/>
                <a:gd name="connsiteX0" fmla="*/ 0 w 543708"/>
                <a:gd name="connsiteY0" fmla="*/ 0 h 2746669"/>
                <a:gd name="connsiteX1" fmla="*/ 543708 w 543708"/>
                <a:gd name="connsiteY1" fmla="*/ 955344 h 2746669"/>
                <a:gd name="connsiteX2" fmla="*/ 523236 w 543708"/>
                <a:gd name="connsiteY2" fmla="*/ 2746669 h 2746669"/>
                <a:gd name="connsiteX3" fmla="*/ 0 w 543708"/>
                <a:gd name="connsiteY3" fmla="*/ 1825446 h 2746669"/>
                <a:gd name="connsiteX4" fmla="*/ 0 w 543708"/>
                <a:gd name="connsiteY4" fmla="*/ 0 h 2746669"/>
                <a:gd name="connsiteX0" fmla="*/ 0 w 557356"/>
                <a:gd name="connsiteY0" fmla="*/ 0 h 2746669"/>
                <a:gd name="connsiteX1" fmla="*/ 557356 w 557356"/>
                <a:gd name="connsiteY1" fmla="*/ 968992 h 2746669"/>
                <a:gd name="connsiteX2" fmla="*/ 523236 w 557356"/>
                <a:gd name="connsiteY2" fmla="*/ 2746669 h 2746669"/>
                <a:gd name="connsiteX3" fmla="*/ 0 w 557356"/>
                <a:gd name="connsiteY3" fmla="*/ 1825446 h 2746669"/>
                <a:gd name="connsiteX4" fmla="*/ 0 w 557356"/>
                <a:gd name="connsiteY4" fmla="*/ 0 h 2746669"/>
                <a:gd name="connsiteX0" fmla="*/ 0 w 543708"/>
                <a:gd name="connsiteY0" fmla="*/ 0 h 2746669"/>
                <a:gd name="connsiteX1" fmla="*/ 543708 w 543708"/>
                <a:gd name="connsiteY1" fmla="*/ 955344 h 2746669"/>
                <a:gd name="connsiteX2" fmla="*/ 523236 w 543708"/>
                <a:gd name="connsiteY2" fmla="*/ 2746669 h 2746669"/>
                <a:gd name="connsiteX3" fmla="*/ 0 w 543708"/>
                <a:gd name="connsiteY3" fmla="*/ 1825446 h 2746669"/>
                <a:gd name="connsiteX4" fmla="*/ 0 w 543708"/>
                <a:gd name="connsiteY4" fmla="*/ 0 h 2746669"/>
                <a:gd name="connsiteX0" fmla="*/ 0 w 543708"/>
                <a:gd name="connsiteY0" fmla="*/ 0 h 2746669"/>
                <a:gd name="connsiteX1" fmla="*/ 543708 w 543708"/>
                <a:gd name="connsiteY1" fmla="*/ 948520 h 2746669"/>
                <a:gd name="connsiteX2" fmla="*/ 523236 w 543708"/>
                <a:gd name="connsiteY2" fmla="*/ 2746669 h 2746669"/>
                <a:gd name="connsiteX3" fmla="*/ 0 w 543708"/>
                <a:gd name="connsiteY3" fmla="*/ 1825446 h 2746669"/>
                <a:gd name="connsiteX4" fmla="*/ 0 w 543708"/>
                <a:gd name="connsiteY4" fmla="*/ 0 h 2746669"/>
                <a:gd name="connsiteX0" fmla="*/ 0 w 536884"/>
                <a:gd name="connsiteY0" fmla="*/ 0 h 2746669"/>
                <a:gd name="connsiteX1" fmla="*/ 536884 w 536884"/>
                <a:gd name="connsiteY1" fmla="*/ 955344 h 2746669"/>
                <a:gd name="connsiteX2" fmla="*/ 523236 w 536884"/>
                <a:gd name="connsiteY2" fmla="*/ 2746669 h 2746669"/>
                <a:gd name="connsiteX3" fmla="*/ 0 w 536884"/>
                <a:gd name="connsiteY3" fmla="*/ 1825446 h 2746669"/>
                <a:gd name="connsiteX4" fmla="*/ 0 w 536884"/>
                <a:gd name="connsiteY4" fmla="*/ 0 h 2746669"/>
                <a:gd name="connsiteX0" fmla="*/ 0 w 536884"/>
                <a:gd name="connsiteY0" fmla="*/ 0 h 2739845"/>
                <a:gd name="connsiteX1" fmla="*/ 536884 w 536884"/>
                <a:gd name="connsiteY1" fmla="*/ 948520 h 2739845"/>
                <a:gd name="connsiteX2" fmla="*/ 523236 w 536884"/>
                <a:gd name="connsiteY2" fmla="*/ 2739845 h 2739845"/>
                <a:gd name="connsiteX3" fmla="*/ 0 w 536884"/>
                <a:gd name="connsiteY3" fmla="*/ 1818622 h 2739845"/>
                <a:gd name="connsiteX4" fmla="*/ 0 w 536884"/>
                <a:gd name="connsiteY4" fmla="*/ 0 h 2739845"/>
                <a:gd name="connsiteX0" fmla="*/ 0 w 523826"/>
                <a:gd name="connsiteY0" fmla="*/ 0 h 2739845"/>
                <a:gd name="connsiteX1" fmla="*/ 522597 w 523826"/>
                <a:gd name="connsiteY1" fmla="*/ 948520 h 2739845"/>
                <a:gd name="connsiteX2" fmla="*/ 523236 w 523826"/>
                <a:gd name="connsiteY2" fmla="*/ 2739845 h 2739845"/>
                <a:gd name="connsiteX3" fmla="*/ 0 w 523826"/>
                <a:gd name="connsiteY3" fmla="*/ 1818622 h 2739845"/>
                <a:gd name="connsiteX4" fmla="*/ 0 w 523826"/>
                <a:gd name="connsiteY4" fmla="*/ 0 h 2739845"/>
                <a:gd name="connsiteX0" fmla="*/ 0 w 523826"/>
                <a:gd name="connsiteY0" fmla="*/ 0 h 2739845"/>
                <a:gd name="connsiteX1" fmla="*/ 522597 w 523826"/>
                <a:gd name="connsiteY1" fmla="*/ 929470 h 2739845"/>
                <a:gd name="connsiteX2" fmla="*/ 523236 w 523826"/>
                <a:gd name="connsiteY2" fmla="*/ 2739845 h 2739845"/>
                <a:gd name="connsiteX3" fmla="*/ 0 w 523826"/>
                <a:gd name="connsiteY3" fmla="*/ 1818622 h 2739845"/>
                <a:gd name="connsiteX4" fmla="*/ 0 w 523826"/>
                <a:gd name="connsiteY4" fmla="*/ 0 h 2739845"/>
                <a:gd name="connsiteX0" fmla="*/ 0 w 527359"/>
                <a:gd name="connsiteY0" fmla="*/ 0 h 2739845"/>
                <a:gd name="connsiteX1" fmla="*/ 527359 w 527359"/>
                <a:gd name="connsiteY1" fmla="*/ 924708 h 2739845"/>
                <a:gd name="connsiteX2" fmla="*/ 523236 w 527359"/>
                <a:gd name="connsiteY2" fmla="*/ 2739845 h 2739845"/>
                <a:gd name="connsiteX3" fmla="*/ 0 w 527359"/>
                <a:gd name="connsiteY3" fmla="*/ 1818622 h 2739845"/>
                <a:gd name="connsiteX4" fmla="*/ 0 w 527359"/>
                <a:gd name="connsiteY4" fmla="*/ 0 h 273984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27359" h="2739845">
                  <a:moveTo>
                    <a:pt x="0" y="0"/>
                  </a:moveTo>
                  <a:lnTo>
                    <a:pt x="527359" y="924708"/>
                  </a:lnTo>
                  <a:cubicBezTo>
                    <a:pt x="525084" y="1528640"/>
                    <a:pt x="525511" y="2135913"/>
                    <a:pt x="523236" y="2739845"/>
                  </a:cubicBezTo>
                  <a:lnTo>
                    <a:pt x="0" y="1818622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6">
                <a:lumMod val="40000"/>
                <a:lumOff val="60000"/>
              </a:schemeClr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  <p:sp>
          <p:nvSpPr>
            <p:cNvPr id="83" name="矩形 82">
              <a:extLst>
                <a:ext uri="{FF2B5EF4-FFF2-40B4-BE49-F238E27FC236}">
                  <a16:creationId xmlns:a16="http://schemas.microsoft.com/office/drawing/2014/main" id="{BA915BDF-5C8A-44A0-AEF0-2155F271AE9B}"/>
                </a:ext>
              </a:extLst>
            </p:cNvPr>
            <p:cNvSpPr/>
            <p:nvPr/>
          </p:nvSpPr>
          <p:spPr>
            <a:xfrm>
              <a:off x="4836150" y="1409986"/>
              <a:ext cx="526719" cy="1520999"/>
            </a:xfrm>
            <a:custGeom>
              <a:avLst/>
              <a:gdLst>
                <a:gd name="connsiteX0" fmla="*/ 0 w 1198800"/>
                <a:gd name="connsiteY0" fmla="*/ 0 h 612000"/>
                <a:gd name="connsiteX1" fmla="*/ 1198800 w 1198800"/>
                <a:gd name="connsiteY1" fmla="*/ 0 h 612000"/>
                <a:gd name="connsiteX2" fmla="*/ 1198800 w 1198800"/>
                <a:gd name="connsiteY2" fmla="*/ 612000 h 612000"/>
                <a:gd name="connsiteX3" fmla="*/ 0 w 1198800"/>
                <a:gd name="connsiteY3" fmla="*/ 612000 h 612000"/>
                <a:gd name="connsiteX4" fmla="*/ 0 w 1198800"/>
                <a:gd name="connsiteY4" fmla="*/ 0 h 612000"/>
                <a:gd name="connsiteX0" fmla="*/ 0 w 1198800"/>
                <a:gd name="connsiteY0" fmla="*/ 0 h 1540048"/>
                <a:gd name="connsiteX1" fmla="*/ 1198800 w 1198800"/>
                <a:gd name="connsiteY1" fmla="*/ 0 h 1540048"/>
                <a:gd name="connsiteX2" fmla="*/ 550531 w 1198800"/>
                <a:gd name="connsiteY2" fmla="*/ 1540048 h 1540048"/>
                <a:gd name="connsiteX3" fmla="*/ 0 w 1198800"/>
                <a:gd name="connsiteY3" fmla="*/ 612000 h 1540048"/>
                <a:gd name="connsiteX4" fmla="*/ 0 w 1198800"/>
                <a:gd name="connsiteY4" fmla="*/ 0 h 1540048"/>
                <a:gd name="connsiteX0" fmla="*/ 0 w 550531"/>
                <a:gd name="connsiteY0" fmla="*/ 0 h 1540048"/>
                <a:gd name="connsiteX1" fmla="*/ 543707 w 550531"/>
                <a:gd name="connsiteY1" fmla="*/ 682388 h 1540048"/>
                <a:gd name="connsiteX2" fmla="*/ 550531 w 550531"/>
                <a:gd name="connsiteY2" fmla="*/ 1540048 h 1540048"/>
                <a:gd name="connsiteX3" fmla="*/ 0 w 550531"/>
                <a:gd name="connsiteY3" fmla="*/ 612000 h 1540048"/>
                <a:gd name="connsiteX4" fmla="*/ 0 w 550531"/>
                <a:gd name="connsiteY4" fmla="*/ 0 h 1540048"/>
                <a:gd name="connsiteX0" fmla="*/ 0 w 550531"/>
                <a:gd name="connsiteY0" fmla="*/ 0 h 1540048"/>
                <a:gd name="connsiteX1" fmla="*/ 543707 w 550531"/>
                <a:gd name="connsiteY1" fmla="*/ 955344 h 1540048"/>
                <a:gd name="connsiteX2" fmla="*/ 550531 w 550531"/>
                <a:gd name="connsiteY2" fmla="*/ 1540048 h 1540048"/>
                <a:gd name="connsiteX3" fmla="*/ 0 w 550531"/>
                <a:gd name="connsiteY3" fmla="*/ 612000 h 1540048"/>
                <a:gd name="connsiteX4" fmla="*/ 0 w 550531"/>
                <a:gd name="connsiteY4" fmla="*/ 0 h 1540048"/>
                <a:gd name="connsiteX0" fmla="*/ 0 w 557657"/>
                <a:gd name="connsiteY0" fmla="*/ 0 h 1540048"/>
                <a:gd name="connsiteX1" fmla="*/ 557355 w 557657"/>
                <a:gd name="connsiteY1" fmla="*/ 968992 h 1540048"/>
                <a:gd name="connsiteX2" fmla="*/ 550531 w 557657"/>
                <a:gd name="connsiteY2" fmla="*/ 1540048 h 1540048"/>
                <a:gd name="connsiteX3" fmla="*/ 0 w 557657"/>
                <a:gd name="connsiteY3" fmla="*/ 612000 h 1540048"/>
                <a:gd name="connsiteX4" fmla="*/ 0 w 557657"/>
                <a:gd name="connsiteY4" fmla="*/ 0 h 1540048"/>
                <a:gd name="connsiteX0" fmla="*/ 0 w 571149"/>
                <a:gd name="connsiteY0" fmla="*/ 0 h 1540048"/>
                <a:gd name="connsiteX1" fmla="*/ 571003 w 571149"/>
                <a:gd name="connsiteY1" fmla="*/ 975816 h 1540048"/>
                <a:gd name="connsiteX2" fmla="*/ 550531 w 571149"/>
                <a:gd name="connsiteY2" fmla="*/ 1540048 h 1540048"/>
                <a:gd name="connsiteX3" fmla="*/ 0 w 571149"/>
                <a:gd name="connsiteY3" fmla="*/ 612000 h 1540048"/>
                <a:gd name="connsiteX4" fmla="*/ 0 w 571149"/>
                <a:gd name="connsiteY4" fmla="*/ 0 h 1540048"/>
                <a:gd name="connsiteX0" fmla="*/ 0 w 571149"/>
                <a:gd name="connsiteY0" fmla="*/ 0 h 1540048"/>
                <a:gd name="connsiteX1" fmla="*/ 571003 w 571149"/>
                <a:gd name="connsiteY1" fmla="*/ 968992 h 1540048"/>
                <a:gd name="connsiteX2" fmla="*/ 550531 w 571149"/>
                <a:gd name="connsiteY2" fmla="*/ 1540048 h 1540048"/>
                <a:gd name="connsiteX3" fmla="*/ 0 w 571149"/>
                <a:gd name="connsiteY3" fmla="*/ 612000 h 1540048"/>
                <a:gd name="connsiteX4" fmla="*/ 0 w 571149"/>
                <a:gd name="connsiteY4" fmla="*/ 0 h 1540048"/>
                <a:gd name="connsiteX0" fmla="*/ 0 w 564376"/>
                <a:gd name="connsiteY0" fmla="*/ 0 h 1540048"/>
                <a:gd name="connsiteX1" fmla="*/ 564179 w 564376"/>
                <a:gd name="connsiteY1" fmla="*/ 968992 h 1540048"/>
                <a:gd name="connsiteX2" fmla="*/ 550531 w 564376"/>
                <a:gd name="connsiteY2" fmla="*/ 1540048 h 1540048"/>
                <a:gd name="connsiteX3" fmla="*/ 0 w 564376"/>
                <a:gd name="connsiteY3" fmla="*/ 612000 h 1540048"/>
                <a:gd name="connsiteX4" fmla="*/ 0 w 564376"/>
                <a:gd name="connsiteY4" fmla="*/ 0 h 1540048"/>
                <a:gd name="connsiteX0" fmla="*/ 0 w 557657"/>
                <a:gd name="connsiteY0" fmla="*/ 0 h 1540048"/>
                <a:gd name="connsiteX1" fmla="*/ 557355 w 557657"/>
                <a:gd name="connsiteY1" fmla="*/ 968992 h 1540048"/>
                <a:gd name="connsiteX2" fmla="*/ 550531 w 557657"/>
                <a:gd name="connsiteY2" fmla="*/ 1540048 h 1540048"/>
                <a:gd name="connsiteX3" fmla="*/ 0 w 557657"/>
                <a:gd name="connsiteY3" fmla="*/ 612000 h 1540048"/>
                <a:gd name="connsiteX4" fmla="*/ 0 w 557657"/>
                <a:gd name="connsiteY4" fmla="*/ 0 h 1540048"/>
                <a:gd name="connsiteX0" fmla="*/ 0 w 557528"/>
                <a:gd name="connsiteY0" fmla="*/ 0 h 1540048"/>
                <a:gd name="connsiteX1" fmla="*/ 557355 w 557528"/>
                <a:gd name="connsiteY1" fmla="*/ 968992 h 1540048"/>
                <a:gd name="connsiteX2" fmla="*/ 541006 w 557528"/>
                <a:gd name="connsiteY2" fmla="*/ 1540048 h 1540048"/>
                <a:gd name="connsiteX3" fmla="*/ 0 w 557528"/>
                <a:gd name="connsiteY3" fmla="*/ 612000 h 1540048"/>
                <a:gd name="connsiteX4" fmla="*/ 0 w 557528"/>
                <a:gd name="connsiteY4" fmla="*/ 0 h 1540048"/>
                <a:gd name="connsiteX0" fmla="*/ 0 w 541006"/>
                <a:gd name="connsiteY0" fmla="*/ 0 h 1540048"/>
                <a:gd name="connsiteX1" fmla="*/ 533543 w 541006"/>
                <a:gd name="connsiteY1" fmla="*/ 926130 h 1540048"/>
                <a:gd name="connsiteX2" fmla="*/ 541006 w 541006"/>
                <a:gd name="connsiteY2" fmla="*/ 1540048 h 1540048"/>
                <a:gd name="connsiteX3" fmla="*/ 0 w 541006"/>
                <a:gd name="connsiteY3" fmla="*/ 612000 h 1540048"/>
                <a:gd name="connsiteX4" fmla="*/ 0 w 541006"/>
                <a:gd name="connsiteY4" fmla="*/ 0 h 1540048"/>
                <a:gd name="connsiteX0" fmla="*/ 0 w 543551"/>
                <a:gd name="connsiteY0" fmla="*/ 0 h 1540048"/>
                <a:gd name="connsiteX1" fmla="*/ 543068 w 543551"/>
                <a:gd name="connsiteY1" fmla="*/ 930893 h 1540048"/>
                <a:gd name="connsiteX2" fmla="*/ 541006 w 543551"/>
                <a:gd name="connsiteY2" fmla="*/ 1540048 h 1540048"/>
                <a:gd name="connsiteX3" fmla="*/ 0 w 543551"/>
                <a:gd name="connsiteY3" fmla="*/ 612000 h 1540048"/>
                <a:gd name="connsiteX4" fmla="*/ 0 w 543551"/>
                <a:gd name="connsiteY4" fmla="*/ 0 h 1540048"/>
                <a:gd name="connsiteX0" fmla="*/ 0 w 541006"/>
                <a:gd name="connsiteY0" fmla="*/ 0 h 1540048"/>
                <a:gd name="connsiteX1" fmla="*/ 533543 w 541006"/>
                <a:gd name="connsiteY1" fmla="*/ 921368 h 1540048"/>
                <a:gd name="connsiteX2" fmla="*/ 541006 w 541006"/>
                <a:gd name="connsiteY2" fmla="*/ 1540048 h 1540048"/>
                <a:gd name="connsiteX3" fmla="*/ 0 w 541006"/>
                <a:gd name="connsiteY3" fmla="*/ 612000 h 1540048"/>
                <a:gd name="connsiteX4" fmla="*/ 0 w 541006"/>
                <a:gd name="connsiteY4" fmla="*/ 0 h 1540048"/>
                <a:gd name="connsiteX0" fmla="*/ 0 w 541006"/>
                <a:gd name="connsiteY0" fmla="*/ 0 h 1540048"/>
                <a:gd name="connsiteX1" fmla="*/ 524018 w 541006"/>
                <a:gd name="connsiteY1" fmla="*/ 911843 h 1540048"/>
                <a:gd name="connsiteX2" fmla="*/ 541006 w 541006"/>
                <a:gd name="connsiteY2" fmla="*/ 1540048 h 1540048"/>
                <a:gd name="connsiteX3" fmla="*/ 0 w 541006"/>
                <a:gd name="connsiteY3" fmla="*/ 612000 h 1540048"/>
                <a:gd name="connsiteX4" fmla="*/ 0 w 541006"/>
                <a:gd name="connsiteY4" fmla="*/ 0 h 1540048"/>
                <a:gd name="connsiteX0" fmla="*/ 0 w 531481"/>
                <a:gd name="connsiteY0" fmla="*/ 0 h 1535286"/>
                <a:gd name="connsiteX1" fmla="*/ 524018 w 531481"/>
                <a:gd name="connsiteY1" fmla="*/ 911843 h 1535286"/>
                <a:gd name="connsiteX2" fmla="*/ 531481 w 531481"/>
                <a:gd name="connsiteY2" fmla="*/ 1535286 h 1535286"/>
                <a:gd name="connsiteX3" fmla="*/ 0 w 531481"/>
                <a:gd name="connsiteY3" fmla="*/ 612000 h 1535286"/>
                <a:gd name="connsiteX4" fmla="*/ 0 w 531481"/>
                <a:gd name="connsiteY4" fmla="*/ 0 h 1535286"/>
                <a:gd name="connsiteX0" fmla="*/ 0 w 531481"/>
                <a:gd name="connsiteY0" fmla="*/ 0 h 1525761"/>
                <a:gd name="connsiteX1" fmla="*/ 524018 w 531481"/>
                <a:gd name="connsiteY1" fmla="*/ 911843 h 1525761"/>
                <a:gd name="connsiteX2" fmla="*/ 531481 w 531481"/>
                <a:gd name="connsiteY2" fmla="*/ 1525761 h 1525761"/>
                <a:gd name="connsiteX3" fmla="*/ 0 w 531481"/>
                <a:gd name="connsiteY3" fmla="*/ 612000 h 1525761"/>
                <a:gd name="connsiteX4" fmla="*/ 0 w 531481"/>
                <a:gd name="connsiteY4" fmla="*/ 0 h 1525761"/>
                <a:gd name="connsiteX0" fmla="*/ 0 w 526719"/>
                <a:gd name="connsiteY0" fmla="*/ 0 h 1520999"/>
                <a:gd name="connsiteX1" fmla="*/ 524018 w 526719"/>
                <a:gd name="connsiteY1" fmla="*/ 911843 h 1520999"/>
                <a:gd name="connsiteX2" fmla="*/ 526719 w 526719"/>
                <a:gd name="connsiteY2" fmla="*/ 1520999 h 1520999"/>
                <a:gd name="connsiteX3" fmla="*/ 0 w 526719"/>
                <a:gd name="connsiteY3" fmla="*/ 612000 h 1520999"/>
                <a:gd name="connsiteX4" fmla="*/ 0 w 526719"/>
                <a:gd name="connsiteY4" fmla="*/ 0 h 1520999"/>
                <a:gd name="connsiteX0" fmla="*/ 0 w 526719"/>
                <a:gd name="connsiteY0" fmla="*/ 0 h 1520999"/>
                <a:gd name="connsiteX1" fmla="*/ 519256 w 526719"/>
                <a:gd name="connsiteY1" fmla="*/ 916605 h 1520999"/>
                <a:gd name="connsiteX2" fmla="*/ 526719 w 526719"/>
                <a:gd name="connsiteY2" fmla="*/ 1520999 h 1520999"/>
                <a:gd name="connsiteX3" fmla="*/ 0 w 526719"/>
                <a:gd name="connsiteY3" fmla="*/ 612000 h 1520999"/>
                <a:gd name="connsiteX4" fmla="*/ 0 w 526719"/>
                <a:gd name="connsiteY4" fmla="*/ 0 h 1520999"/>
                <a:gd name="connsiteX0" fmla="*/ 0 w 526719"/>
                <a:gd name="connsiteY0" fmla="*/ 0 h 1520999"/>
                <a:gd name="connsiteX1" fmla="*/ 524018 w 526719"/>
                <a:gd name="connsiteY1" fmla="*/ 916605 h 1520999"/>
                <a:gd name="connsiteX2" fmla="*/ 526719 w 526719"/>
                <a:gd name="connsiteY2" fmla="*/ 1520999 h 1520999"/>
                <a:gd name="connsiteX3" fmla="*/ 0 w 526719"/>
                <a:gd name="connsiteY3" fmla="*/ 612000 h 1520999"/>
                <a:gd name="connsiteX4" fmla="*/ 0 w 526719"/>
                <a:gd name="connsiteY4" fmla="*/ 0 h 152099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26719" h="1520999">
                  <a:moveTo>
                    <a:pt x="0" y="0"/>
                  </a:moveTo>
                  <a:lnTo>
                    <a:pt x="524018" y="916605"/>
                  </a:lnTo>
                  <a:cubicBezTo>
                    <a:pt x="526293" y="1202492"/>
                    <a:pt x="524444" y="1235112"/>
                    <a:pt x="526719" y="1520999"/>
                  </a:cubicBezTo>
                  <a:lnTo>
                    <a:pt x="0" y="61200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2"/>
            </a:solidFill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dirty="0"/>
            </a:p>
          </p:txBody>
        </p:sp>
      </p:grpSp>
      <p:sp>
        <p:nvSpPr>
          <p:cNvPr id="91" name="Text Box 9">
            <a:extLst>
              <a:ext uri="{FF2B5EF4-FFF2-40B4-BE49-F238E27FC236}">
                <a16:creationId xmlns:a16="http://schemas.microsoft.com/office/drawing/2014/main" id="{9524BACF-91F5-44D4-89BE-2FB19740A6B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89480" y="3423516"/>
            <a:ext cx="3985123" cy="45140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2800"/>
              </a:lnSpc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長方體的體積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長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× 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闊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× 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高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592746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" presetClass="exit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2000"/>
                            </p:stCondLst>
                            <p:childTnLst>
                              <p:par>
                                <p:cTn id="19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3000"/>
                            </p:stCondLst>
                            <p:childTnLst>
                              <p:par>
                                <p:cTn id="25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3000"/>
                            </p:stCondLst>
                            <p:childTnLst>
                              <p:par>
                                <p:cTn id="28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4000"/>
                            </p:stCondLst>
                            <p:childTnLst>
                              <p:par>
                                <p:cTn id="31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4000"/>
                            </p:stCondLst>
                            <p:childTnLst>
                              <p:par>
                                <p:cTn id="34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0"/>
                            </p:stCondLst>
                            <p:childTnLst>
                              <p:par>
                                <p:cTn id="37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0"/>
                            </p:stCondLst>
                            <p:childTnLst>
                              <p:par>
                                <p:cTn id="40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6000"/>
                            </p:stCondLst>
                            <p:childTnLst>
                              <p:par>
                                <p:cTn id="43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6000"/>
                            </p:stCondLst>
                            <p:childTnLst>
                              <p:par>
                                <p:cTn id="48" presetID="1" presetClass="exit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7000"/>
                            </p:stCondLst>
                            <p:childTnLst>
                              <p:par>
                                <p:cTn id="51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7000"/>
                            </p:stCondLst>
                            <p:childTnLst>
                              <p:par>
                                <p:cTn id="56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8000"/>
                            </p:stCondLst>
                            <p:childTnLst>
                              <p:par>
                                <p:cTn id="59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8000"/>
                            </p:stCondLst>
                            <p:childTnLst>
                              <p:par>
                                <p:cTn id="62" presetID="1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9000"/>
                            </p:stCondLst>
                            <p:childTnLst>
                              <p:par>
                                <p:cTn id="65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 animBg="1"/>
      <p:bldP spid="33" grpId="0" animBg="1"/>
      <p:bldP spid="29" grpId="0" animBg="1"/>
      <p:bldP spid="29" grpId="1" animBg="1"/>
      <p:bldP spid="32" grpId="0" animBg="1"/>
      <p:bldP spid="32" grpId="1" animBg="1"/>
      <p:bldP spid="48" grpId="0" animBg="1"/>
      <p:bldP spid="51" grpId="0" animBg="1"/>
      <p:bldP spid="52" grpId="0" animBg="1"/>
      <p:bldP spid="71" grpId="0" animBg="1"/>
      <p:bldP spid="74" grpId="0" animBg="1"/>
      <p:bldP spid="73" grpId="0" animBg="1"/>
      <p:bldP spid="73" grpId="1" animBg="1"/>
      <p:bldP spid="72" grpId="0" animBg="1"/>
      <p:bldP spid="72" grpId="1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" name="组合 2">
            <a:extLst>
              <a:ext uri="{FF2B5EF4-FFF2-40B4-BE49-F238E27FC236}">
                <a16:creationId xmlns:a16="http://schemas.microsoft.com/office/drawing/2014/main" id="{D09AEDC5-107A-4509-BB1B-7157356F1400}"/>
              </a:ext>
            </a:extLst>
          </p:cNvPr>
          <p:cNvGrpSpPr/>
          <p:nvPr/>
        </p:nvGrpSpPr>
        <p:grpSpPr>
          <a:xfrm>
            <a:off x="731611" y="1058138"/>
            <a:ext cx="4443643" cy="3130243"/>
            <a:chOff x="1846315" y="807119"/>
            <a:chExt cx="4443643" cy="3130243"/>
          </a:xfrm>
        </p:grpSpPr>
        <p:pic>
          <p:nvPicPr>
            <p:cNvPr id="35" name="图片 34">
              <a:extLst>
                <a:ext uri="{FF2B5EF4-FFF2-40B4-BE49-F238E27FC236}">
                  <a16:creationId xmlns:a16="http://schemas.microsoft.com/office/drawing/2014/main" id="{6B30A994-464C-438B-AAA3-4D90519EA69E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sharpenSoften amount="25000"/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2480287" y="807119"/>
              <a:ext cx="3809671" cy="3130243"/>
            </a:xfrm>
            <a:prstGeom prst="rect">
              <a:avLst/>
            </a:prstGeom>
          </p:spPr>
        </p:pic>
        <p:sp>
          <p:nvSpPr>
            <p:cNvPr id="57" name="Text Box 50">
              <a:extLst>
                <a:ext uri="{FF2B5EF4-FFF2-40B4-BE49-F238E27FC236}">
                  <a16:creationId xmlns:a16="http://schemas.microsoft.com/office/drawing/2014/main" id="{CC2FFFF1-0AD2-4395-9739-28802033418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46315" y="2227696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9cm</a:t>
              </a:r>
            </a:p>
          </p:txBody>
        </p:sp>
        <p:sp>
          <p:nvSpPr>
            <p:cNvPr id="58" name="Text Box 50">
              <a:extLst>
                <a:ext uri="{FF2B5EF4-FFF2-40B4-BE49-F238E27FC236}">
                  <a16:creationId xmlns:a16="http://schemas.microsoft.com/office/drawing/2014/main" id="{78DF4DB7-5451-421C-BE84-2DFC6961673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59129" y="1028987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9cm</a:t>
              </a:r>
            </a:p>
          </p:txBody>
        </p:sp>
        <p:sp>
          <p:nvSpPr>
            <p:cNvPr id="63" name="Text Box 50">
              <a:extLst>
                <a:ext uri="{FF2B5EF4-FFF2-40B4-BE49-F238E27FC236}">
                  <a16:creationId xmlns:a16="http://schemas.microsoft.com/office/drawing/2014/main" id="{2A684CE0-4D57-4F2A-8022-6179D7F1F8F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90373" y="977931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3cm</a:t>
              </a:r>
            </a:p>
          </p:txBody>
        </p:sp>
        <p:sp>
          <p:nvSpPr>
            <p:cNvPr id="64" name="Text Box 50">
              <a:extLst>
                <a:ext uri="{FF2B5EF4-FFF2-40B4-BE49-F238E27FC236}">
                  <a16:creationId xmlns:a16="http://schemas.microsoft.com/office/drawing/2014/main" id="{9719753D-E4E7-4796-A739-7D75857FCB0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31926" y="3401819"/>
              <a:ext cx="79104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bg1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999999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r" eaLnBrk="1" hangingPunct="1">
                <a:spcBef>
                  <a:spcPct val="50000"/>
                </a:spcBef>
              </a:pPr>
              <a:r>
                <a:rPr lang="en-US" altLang="zh-TW" sz="2000" dirty="0"/>
                <a:t>3cm</a:t>
              </a:r>
            </a:p>
          </p:txBody>
        </p:sp>
      </p:grpSp>
      <p:sp>
        <p:nvSpPr>
          <p:cNvPr id="39" name="文本框 38">
            <a:extLst>
              <a:ext uri="{FF2B5EF4-FFF2-40B4-BE49-F238E27FC236}">
                <a16:creationId xmlns:a16="http://schemas.microsoft.com/office/drawing/2014/main" id="{E74B1FF7-691B-4971-B79A-3C3C6C26CE14}"/>
              </a:ext>
            </a:extLst>
          </p:cNvPr>
          <p:cNvSpPr txBox="1"/>
          <p:nvPr/>
        </p:nvSpPr>
        <p:spPr>
          <a:xfrm>
            <a:off x="878129" y="4348951"/>
            <a:ext cx="8053220" cy="11726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dirty="0">
                <a:ea typeface="DFKai-SB" panose="03000509000000000000" pitchFamily="65" charset="-120"/>
              </a:rPr>
              <a:t>上圖是一個長方體的摺紙圖樣。這個摺紙圖樣所摺出的長方體的體積是</a:t>
            </a:r>
            <a:r>
              <a:rPr lang="en-US" altLang="zh-CN" sz="2800" dirty="0">
                <a:ea typeface="DFKai-SB" panose="03000509000000000000" pitchFamily="65" charset="-120"/>
              </a:rPr>
              <a:t>_______cm³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304032" y="838026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8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62" name="矩形 61">
            <a:extLst>
              <a:ext uri="{FF2B5EF4-FFF2-40B4-BE49-F238E27FC236}">
                <a16:creationId xmlns:a16="http://schemas.microsoft.com/office/drawing/2014/main" id="{B09B7771-324C-4C13-A0F6-2B153DDE4CF0}"/>
              </a:ext>
            </a:extLst>
          </p:cNvPr>
          <p:cNvSpPr/>
          <p:nvPr/>
        </p:nvSpPr>
        <p:spPr>
          <a:xfrm>
            <a:off x="2134871" y="1709414"/>
            <a:ext cx="1198800" cy="183227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66" name="Text Box 9">
            <a:extLst>
              <a:ext uri="{FF2B5EF4-FFF2-40B4-BE49-F238E27FC236}">
                <a16:creationId xmlns:a16="http://schemas.microsoft.com/office/drawing/2014/main" id="{F87AB3E6-6464-42A7-A3A3-1B49A9123E9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075072" y="2257831"/>
            <a:ext cx="4121654" cy="11498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4400"/>
              </a:lnSpc>
            </a:pP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長方體的體積是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(9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3) × 3 × 9 = 162(cm³) 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Text Box 9">
            <a:extLst>
              <a:ext uri="{FF2B5EF4-FFF2-40B4-BE49-F238E27FC236}">
                <a16:creationId xmlns:a16="http://schemas.microsoft.com/office/drawing/2014/main" id="{5A54B639-2CBB-4C6D-BC9E-72B0472ABB2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49226" y="4118513"/>
            <a:ext cx="1198800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(9</a:t>
            </a:r>
            <a:r>
              <a:rPr lang="zh-CN" altLang="en-US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dirty="0">
                <a:solidFill>
                  <a:srgbClr val="FF00FF"/>
                </a:solidFill>
                <a:ea typeface="DFKai-SB" panose="03000509000000000000" pitchFamily="65" charset="-120"/>
              </a:rPr>
              <a:t>3)cm</a:t>
            </a:r>
            <a:endParaRPr lang="zh-TW" altLang="en-US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8" name="矩形 86">
            <a:extLst>
              <a:ext uri="{FF2B5EF4-FFF2-40B4-BE49-F238E27FC236}">
                <a16:creationId xmlns:a16="http://schemas.microsoft.com/office/drawing/2014/main" id="{06A1A9CE-E6CF-4DF3-97F2-3147592FD303}"/>
              </a:ext>
            </a:extLst>
          </p:cNvPr>
          <p:cNvSpPr/>
          <p:nvPr/>
        </p:nvSpPr>
        <p:spPr>
          <a:xfrm>
            <a:off x="1717301" y="3542264"/>
            <a:ext cx="1630725" cy="265244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1794" h="256715">
                <a:moveTo>
                  <a:pt x="244772" y="0"/>
                </a:moveTo>
                <a:lnTo>
                  <a:pt x="961794" y="4189"/>
                </a:lnTo>
                <a:lnTo>
                  <a:pt x="720000" y="256715"/>
                </a:lnTo>
                <a:lnTo>
                  <a:pt x="0" y="256715"/>
                </a:lnTo>
                <a:lnTo>
                  <a:pt x="244772" y="0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1" name="矩形 85">
            <a:extLst>
              <a:ext uri="{FF2B5EF4-FFF2-40B4-BE49-F238E27FC236}">
                <a16:creationId xmlns:a16="http://schemas.microsoft.com/office/drawing/2014/main" id="{B8204E87-60A5-4C65-9DE0-30B4CE2C745B}"/>
              </a:ext>
            </a:extLst>
          </p:cNvPr>
          <p:cNvSpPr/>
          <p:nvPr/>
        </p:nvSpPr>
        <p:spPr>
          <a:xfrm>
            <a:off x="1734877" y="1720727"/>
            <a:ext cx="395945" cy="2091828"/>
          </a:xfrm>
          <a:custGeom>
            <a:avLst/>
            <a:gdLst>
              <a:gd name="connsiteX0" fmla="*/ 0 w 576000"/>
              <a:gd name="connsiteY0" fmla="*/ 0 h 1440000"/>
              <a:gd name="connsiteX1" fmla="*/ 576000 w 576000"/>
              <a:gd name="connsiteY1" fmla="*/ 0 h 1440000"/>
              <a:gd name="connsiteX2" fmla="*/ 576000 w 576000"/>
              <a:gd name="connsiteY2" fmla="*/ 1440000 h 1440000"/>
              <a:gd name="connsiteX3" fmla="*/ 0 w 576000"/>
              <a:gd name="connsiteY3" fmla="*/ 1440000 h 1440000"/>
              <a:gd name="connsiteX4" fmla="*/ 0 w 576000"/>
              <a:gd name="connsiteY4" fmla="*/ 0 h 1440000"/>
              <a:gd name="connsiteX0" fmla="*/ 0 w 576000"/>
              <a:gd name="connsiteY0" fmla="*/ 495300 h 1935300"/>
              <a:gd name="connsiteX1" fmla="*/ 242625 w 576000"/>
              <a:gd name="connsiteY1" fmla="*/ 0 h 1935300"/>
              <a:gd name="connsiteX2" fmla="*/ 576000 w 576000"/>
              <a:gd name="connsiteY2" fmla="*/ 1935300 h 1935300"/>
              <a:gd name="connsiteX3" fmla="*/ 0 w 576000"/>
              <a:gd name="connsiteY3" fmla="*/ 1935300 h 1935300"/>
              <a:gd name="connsiteX4" fmla="*/ 0 w 576000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9242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3527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309300"/>
              <a:gd name="connsiteY0" fmla="*/ 495300 h 1935300"/>
              <a:gd name="connsiteX1" fmla="*/ 242625 w 309300"/>
              <a:gd name="connsiteY1" fmla="*/ 0 h 1935300"/>
              <a:gd name="connsiteX2" fmla="*/ 309300 w 309300"/>
              <a:gd name="connsiteY2" fmla="*/ 1678125 h 1935300"/>
              <a:gd name="connsiteX3" fmla="*/ 0 w 309300"/>
              <a:gd name="connsiteY3" fmla="*/ 1935300 h 1935300"/>
              <a:gd name="connsiteX4" fmla="*/ 0 w 309300"/>
              <a:gd name="connsiteY4" fmla="*/ 495300 h 1935300"/>
              <a:gd name="connsiteX0" fmla="*/ 0 w 252150"/>
              <a:gd name="connsiteY0" fmla="*/ 495300 h 1935300"/>
              <a:gd name="connsiteX1" fmla="*/ 242625 w 252150"/>
              <a:gd name="connsiteY1" fmla="*/ 0 h 1935300"/>
              <a:gd name="connsiteX2" fmla="*/ 252150 w 252150"/>
              <a:gd name="connsiteY2" fmla="*/ 1687650 h 1935300"/>
              <a:gd name="connsiteX3" fmla="*/ 0 w 252150"/>
              <a:gd name="connsiteY3" fmla="*/ 1935300 h 1935300"/>
              <a:gd name="connsiteX4" fmla="*/ 0 w 252150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23575 w 242625"/>
              <a:gd name="connsiteY2" fmla="*/ 148762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33100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185475 w 242625"/>
              <a:gd name="connsiteY2" fmla="*/ 1459050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42625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5604"/>
              <a:gd name="connsiteY0" fmla="*/ 486365 h 1926365"/>
              <a:gd name="connsiteX1" fmla="*/ 245604 w 245604"/>
              <a:gd name="connsiteY1" fmla="*/ 0 h 1926365"/>
              <a:gd name="connsiteX2" fmla="*/ 242625 w 245604"/>
              <a:gd name="connsiteY2" fmla="*/ 1459640 h 1926365"/>
              <a:gd name="connsiteX3" fmla="*/ 0 w 245604"/>
              <a:gd name="connsiteY3" fmla="*/ 1926365 h 1926365"/>
              <a:gd name="connsiteX4" fmla="*/ 0 w 245604"/>
              <a:gd name="connsiteY4" fmla="*/ 486365 h 1926365"/>
              <a:gd name="connsiteX0" fmla="*/ 0 w 248583"/>
              <a:gd name="connsiteY0" fmla="*/ 486365 h 1926365"/>
              <a:gd name="connsiteX1" fmla="*/ 248583 w 248583"/>
              <a:gd name="connsiteY1" fmla="*/ 0 h 1926365"/>
              <a:gd name="connsiteX2" fmla="*/ 242625 w 248583"/>
              <a:gd name="connsiteY2" fmla="*/ 1459640 h 1926365"/>
              <a:gd name="connsiteX3" fmla="*/ 0 w 248583"/>
              <a:gd name="connsiteY3" fmla="*/ 1926365 h 1926365"/>
              <a:gd name="connsiteX4" fmla="*/ 0 w 248583"/>
              <a:gd name="connsiteY4" fmla="*/ 486365 h 1926365"/>
              <a:gd name="connsiteX0" fmla="*/ 0 w 242626"/>
              <a:gd name="connsiteY0" fmla="*/ 486365 h 1926365"/>
              <a:gd name="connsiteX1" fmla="*/ 242626 w 242626"/>
              <a:gd name="connsiteY1" fmla="*/ 0 h 1926365"/>
              <a:gd name="connsiteX2" fmla="*/ 242625 w 242626"/>
              <a:gd name="connsiteY2" fmla="*/ 1459640 h 1926365"/>
              <a:gd name="connsiteX3" fmla="*/ 0 w 242626"/>
              <a:gd name="connsiteY3" fmla="*/ 1926365 h 1926365"/>
              <a:gd name="connsiteX4" fmla="*/ 0 w 242626"/>
              <a:gd name="connsiteY4" fmla="*/ 486365 h 1926365"/>
              <a:gd name="connsiteX0" fmla="*/ 0 w 388014"/>
              <a:gd name="connsiteY0" fmla="*/ 286068 h 1726068"/>
              <a:gd name="connsiteX1" fmla="*/ 388014 w 388014"/>
              <a:gd name="connsiteY1" fmla="*/ 0 h 1726068"/>
              <a:gd name="connsiteX2" fmla="*/ 242625 w 388014"/>
              <a:gd name="connsiteY2" fmla="*/ 1259343 h 1726068"/>
              <a:gd name="connsiteX3" fmla="*/ 0 w 388014"/>
              <a:gd name="connsiteY3" fmla="*/ 1726068 h 1726068"/>
              <a:gd name="connsiteX4" fmla="*/ 0 w 388014"/>
              <a:gd name="connsiteY4" fmla="*/ 286068 h 1726068"/>
              <a:gd name="connsiteX0" fmla="*/ 0 w 396565"/>
              <a:gd name="connsiteY0" fmla="*/ 286068 h 1834109"/>
              <a:gd name="connsiteX1" fmla="*/ 388014 w 396565"/>
              <a:gd name="connsiteY1" fmla="*/ 0 h 1834109"/>
              <a:gd name="connsiteX2" fmla="*/ 396565 w 396565"/>
              <a:gd name="connsiteY2" fmla="*/ 1834109 h 1834109"/>
              <a:gd name="connsiteX3" fmla="*/ 0 w 396565"/>
              <a:gd name="connsiteY3" fmla="*/ 1726068 h 1834109"/>
              <a:gd name="connsiteX4" fmla="*/ 0 w 396565"/>
              <a:gd name="connsiteY4" fmla="*/ 286068 h 1834109"/>
              <a:gd name="connsiteX0" fmla="*/ 0 w 396565"/>
              <a:gd name="connsiteY0" fmla="*/ 286068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86068 h 2091828"/>
              <a:gd name="connsiteX0" fmla="*/ 0 w 396565"/>
              <a:gd name="connsiteY0" fmla="*/ 251234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1234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9462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0910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6"/>
              <a:gd name="connsiteY0" fmla="*/ 259942 h 2091828"/>
              <a:gd name="connsiteX1" fmla="*/ 396566 w 396566"/>
              <a:gd name="connsiteY1" fmla="*/ 0 h 2091828"/>
              <a:gd name="connsiteX2" fmla="*/ 396565 w 396566"/>
              <a:gd name="connsiteY2" fmla="*/ 1834109 h 2091828"/>
              <a:gd name="connsiteX3" fmla="*/ 0 w 396566"/>
              <a:gd name="connsiteY3" fmla="*/ 2091828 h 2091828"/>
              <a:gd name="connsiteX4" fmla="*/ 0 w 396566"/>
              <a:gd name="connsiteY4" fmla="*/ 259942 h 209182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6566" h="2091828">
                <a:moveTo>
                  <a:pt x="0" y="259942"/>
                </a:moveTo>
                <a:lnTo>
                  <a:pt x="396566" y="0"/>
                </a:lnTo>
                <a:cubicBezTo>
                  <a:pt x="396566" y="486547"/>
                  <a:pt x="396565" y="1347562"/>
                  <a:pt x="396565" y="1834109"/>
                </a:cubicBezTo>
                <a:lnTo>
                  <a:pt x="0" y="2091828"/>
                </a:lnTo>
                <a:lnTo>
                  <a:pt x="0" y="259942"/>
                </a:lnTo>
                <a:close/>
              </a:path>
            </a:pathLst>
          </a:cu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2" name="矩形 85">
            <a:extLst>
              <a:ext uri="{FF2B5EF4-FFF2-40B4-BE49-F238E27FC236}">
                <a16:creationId xmlns:a16="http://schemas.microsoft.com/office/drawing/2014/main" id="{50AF03F6-9C82-40A7-8412-309877A9E002}"/>
              </a:ext>
            </a:extLst>
          </p:cNvPr>
          <p:cNvSpPr/>
          <p:nvPr/>
        </p:nvSpPr>
        <p:spPr>
          <a:xfrm>
            <a:off x="2938690" y="1715392"/>
            <a:ext cx="395945" cy="2091828"/>
          </a:xfrm>
          <a:custGeom>
            <a:avLst/>
            <a:gdLst>
              <a:gd name="connsiteX0" fmla="*/ 0 w 576000"/>
              <a:gd name="connsiteY0" fmla="*/ 0 h 1440000"/>
              <a:gd name="connsiteX1" fmla="*/ 576000 w 576000"/>
              <a:gd name="connsiteY1" fmla="*/ 0 h 1440000"/>
              <a:gd name="connsiteX2" fmla="*/ 576000 w 576000"/>
              <a:gd name="connsiteY2" fmla="*/ 1440000 h 1440000"/>
              <a:gd name="connsiteX3" fmla="*/ 0 w 576000"/>
              <a:gd name="connsiteY3" fmla="*/ 1440000 h 1440000"/>
              <a:gd name="connsiteX4" fmla="*/ 0 w 576000"/>
              <a:gd name="connsiteY4" fmla="*/ 0 h 1440000"/>
              <a:gd name="connsiteX0" fmla="*/ 0 w 576000"/>
              <a:gd name="connsiteY0" fmla="*/ 495300 h 1935300"/>
              <a:gd name="connsiteX1" fmla="*/ 242625 w 576000"/>
              <a:gd name="connsiteY1" fmla="*/ 0 h 1935300"/>
              <a:gd name="connsiteX2" fmla="*/ 576000 w 576000"/>
              <a:gd name="connsiteY2" fmla="*/ 1935300 h 1935300"/>
              <a:gd name="connsiteX3" fmla="*/ 0 w 576000"/>
              <a:gd name="connsiteY3" fmla="*/ 1935300 h 1935300"/>
              <a:gd name="connsiteX4" fmla="*/ 0 w 576000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9242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299775"/>
              <a:gd name="connsiteY0" fmla="*/ 495300 h 1935300"/>
              <a:gd name="connsiteX1" fmla="*/ 242625 w 299775"/>
              <a:gd name="connsiteY1" fmla="*/ 0 h 1935300"/>
              <a:gd name="connsiteX2" fmla="*/ 299775 w 299775"/>
              <a:gd name="connsiteY2" fmla="*/ 1735275 h 1935300"/>
              <a:gd name="connsiteX3" fmla="*/ 0 w 299775"/>
              <a:gd name="connsiteY3" fmla="*/ 1935300 h 1935300"/>
              <a:gd name="connsiteX4" fmla="*/ 0 w 299775"/>
              <a:gd name="connsiteY4" fmla="*/ 495300 h 1935300"/>
              <a:gd name="connsiteX0" fmla="*/ 0 w 309300"/>
              <a:gd name="connsiteY0" fmla="*/ 495300 h 1935300"/>
              <a:gd name="connsiteX1" fmla="*/ 242625 w 309300"/>
              <a:gd name="connsiteY1" fmla="*/ 0 h 1935300"/>
              <a:gd name="connsiteX2" fmla="*/ 309300 w 309300"/>
              <a:gd name="connsiteY2" fmla="*/ 1678125 h 1935300"/>
              <a:gd name="connsiteX3" fmla="*/ 0 w 309300"/>
              <a:gd name="connsiteY3" fmla="*/ 1935300 h 1935300"/>
              <a:gd name="connsiteX4" fmla="*/ 0 w 309300"/>
              <a:gd name="connsiteY4" fmla="*/ 495300 h 1935300"/>
              <a:gd name="connsiteX0" fmla="*/ 0 w 252150"/>
              <a:gd name="connsiteY0" fmla="*/ 495300 h 1935300"/>
              <a:gd name="connsiteX1" fmla="*/ 242625 w 252150"/>
              <a:gd name="connsiteY1" fmla="*/ 0 h 1935300"/>
              <a:gd name="connsiteX2" fmla="*/ 252150 w 252150"/>
              <a:gd name="connsiteY2" fmla="*/ 1687650 h 1935300"/>
              <a:gd name="connsiteX3" fmla="*/ 0 w 252150"/>
              <a:gd name="connsiteY3" fmla="*/ 1935300 h 1935300"/>
              <a:gd name="connsiteX4" fmla="*/ 0 w 252150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23575 w 242625"/>
              <a:gd name="connsiteY2" fmla="*/ 148762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33100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185475 w 242625"/>
              <a:gd name="connsiteY2" fmla="*/ 1459050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2625"/>
              <a:gd name="connsiteY0" fmla="*/ 495300 h 1935300"/>
              <a:gd name="connsiteX1" fmla="*/ 242625 w 242625"/>
              <a:gd name="connsiteY1" fmla="*/ 0 h 1935300"/>
              <a:gd name="connsiteX2" fmla="*/ 242625 w 242625"/>
              <a:gd name="connsiteY2" fmla="*/ 1468575 h 1935300"/>
              <a:gd name="connsiteX3" fmla="*/ 0 w 242625"/>
              <a:gd name="connsiteY3" fmla="*/ 1935300 h 1935300"/>
              <a:gd name="connsiteX4" fmla="*/ 0 w 242625"/>
              <a:gd name="connsiteY4" fmla="*/ 495300 h 1935300"/>
              <a:gd name="connsiteX0" fmla="*/ 0 w 245604"/>
              <a:gd name="connsiteY0" fmla="*/ 486365 h 1926365"/>
              <a:gd name="connsiteX1" fmla="*/ 245604 w 245604"/>
              <a:gd name="connsiteY1" fmla="*/ 0 h 1926365"/>
              <a:gd name="connsiteX2" fmla="*/ 242625 w 245604"/>
              <a:gd name="connsiteY2" fmla="*/ 1459640 h 1926365"/>
              <a:gd name="connsiteX3" fmla="*/ 0 w 245604"/>
              <a:gd name="connsiteY3" fmla="*/ 1926365 h 1926365"/>
              <a:gd name="connsiteX4" fmla="*/ 0 w 245604"/>
              <a:gd name="connsiteY4" fmla="*/ 486365 h 1926365"/>
              <a:gd name="connsiteX0" fmla="*/ 0 w 248583"/>
              <a:gd name="connsiteY0" fmla="*/ 486365 h 1926365"/>
              <a:gd name="connsiteX1" fmla="*/ 248583 w 248583"/>
              <a:gd name="connsiteY1" fmla="*/ 0 h 1926365"/>
              <a:gd name="connsiteX2" fmla="*/ 242625 w 248583"/>
              <a:gd name="connsiteY2" fmla="*/ 1459640 h 1926365"/>
              <a:gd name="connsiteX3" fmla="*/ 0 w 248583"/>
              <a:gd name="connsiteY3" fmla="*/ 1926365 h 1926365"/>
              <a:gd name="connsiteX4" fmla="*/ 0 w 248583"/>
              <a:gd name="connsiteY4" fmla="*/ 486365 h 1926365"/>
              <a:gd name="connsiteX0" fmla="*/ 0 w 242626"/>
              <a:gd name="connsiteY0" fmla="*/ 486365 h 1926365"/>
              <a:gd name="connsiteX1" fmla="*/ 242626 w 242626"/>
              <a:gd name="connsiteY1" fmla="*/ 0 h 1926365"/>
              <a:gd name="connsiteX2" fmla="*/ 242625 w 242626"/>
              <a:gd name="connsiteY2" fmla="*/ 1459640 h 1926365"/>
              <a:gd name="connsiteX3" fmla="*/ 0 w 242626"/>
              <a:gd name="connsiteY3" fmla="*/ 1926365 h 1926365"/>
              <a:gd name="connsiteX4" fmla="*/ 0 w 242626"/>
              <a:gd name="connsiteY4" fmla="*/ 486365 h 1926365"/>
              <a:gd name="connsiteX0" fmla="*/ 0 w 388014"/>
              <a:gd name="connsiteY0" fmla="*/ 286068 h 1726068"/>
              <a:gd name="connsiteX1" fmla="*/ 388014 w 388014"/>
              <a:gd name="connsiteY1" fmla="*/ 0 h 1726068"/>
              <a:gd name="connsiteX2" fmla="*/ 242625 w 388014"/>
              <a:gd name="connsiteY2" fmla="*/ 1259343 h 1726068"/>
              <a:gd name="connsiteX3" fmla="*/ 0 w 388014"/>
              <a:gd name="connsiteY3" fmla="*/ 1726068 h 1726068"/>
              <a:gd name="connsiteX4" fmla="*/ 0 w 388014"/>
              <a:gd name="connsiteY4" fmla="*/ 286068 h 1726068"/>
              <a:gd name="connsiteX0" fmla="*/ 0 w 396565"/>
              <a:gd name="connsiteY0" fmla="*/ 286068 h 1834109"/>
              <a:gd name="connsiteX1" fmla="*/ 388014 w 396565"/>
              <a:gd name="connsiteY1" fmla="*/ 0 h 1834109"/>
              <a:gd name="connsiteX2" fmla="*/ 396565 w 396565"/>
              <a:gd name="connsiteY2" fmla="*/ 1834109 h 1834109"/>
              <a:gd name="connsiteX3" fmla="*/ 0 w 396565"/>
              <a:gd name="connsiteY3" fmla="*/ 1726068 h 1834109"/>
              <a:gd name="connsiteX4" fmla="*/ 0 w 396565"/>
              <a:gd name="connsiteY4" fmla="*/ 286068 h 1834109"/>
              <a:gd name="connsiteX0" fmla="*/ 0 w 396565"/>
              <a:gd name="connsiteY0" fmla="*/ 286068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86068 h 2091828"/>
              <a:gd name="connsiteX0" fmla="*/ 0 w 396565"/>
              <a:gd name="connsiteY0" fmla="*/ 251234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1234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9462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70910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5"/>
              <a:gd name="connsiteY0" fmla="*/ 259942 h 2091828"/>
              <a:gd name="connsiteX1" fmla="*/ 388014 w 396565"/>
              <a:gd name="connsiteY1" fmla="*/ 0 h 2091828"/>
              <a:gd name="connsiteX2" fmla="*/ 396565 w 396565"/>
              <a:gd name="connsiteY2" fmla="*/ 1834109 h 2091828"/>
              <a:gd name="connsiteX3" fmla="*/ 0 w 396565"/>
              <a:gd name="connsiteY3" fmla="*/ 2091828 h 2091828"/>
              <a:gd name="connsiteX4" fmla="*/ 0 w 396565"/>
              <a:gd name="connsiteY4" fmla="*/ 259942 h 2091828"/>
              <a:gd name="connsiteX0" fmla="*/ 0 w 396566"/>
              <a:gd name="connsiteY0" fmla="*/ 259942 h 2091828"/>
              <a:gd name="connsiteX1" fmla="*/ 396566 w 396566"/>
              <a:gd name="connsiteY1" fmla="*/ 0 h 2091828"/>
              <a:gd name="connsiteX2" fmla="*/ 396565 w 396566"/>
              <a:gd name="connsiteY2" fmla="*/ 1834109 h 2091828"/>
              <a:gd name="connsiteX3" fmla="*/ 0 w 396566"/>
              <a:gd name="connsiteY3" fmla="*/ 2091828 h 2091828"/>
              <a:gd name="connsiteX4" fmla="*/ 0 w 396566"/>
              <a:gd name="connsiteY4" fmla="*/ 259942 h 209182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6566" h="2091828">
                <a:moveTo>
                  <a:pt x="0" y="259942"/>
                </a:moveTo>
                <a:lnTo>
                  <a:pt x="396566" y="0"/>
                </a:lnTo>
                <a:cubicBezTo>
                  <a:pt x="396566" y="486547"/>
                  <a:pt x="396565" y="1347562"/>
                  <a:pt x="396565" y="1834109"/>
                </a:cubicBezTo>
                <a:lnTo>
                  <a:pt x="0" y="2091828"/>
                </a:lnTo>
                <a:lnTo>
                  <a:pt x="0" y="259942"/>
                </a:lnTo>
                <a:close/>
              </a:path>
            </a:pathLst>
          </a:custGeom>
          <a:solidFill>
            <a:schemeClr val="accent4">
              <a:lumMod val="20000"/>
              <a:lumOff val="8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71" name="矩形 70">
            <a:extLst>
              <a:ext uri="{FF2B5EF4-FFF2-40B4-BE49-F238E27FC236}">
                <a16:creationId xmlns:a16="http://schemas.microsoft.com/office/drawing/2014/main" id="{94D657B3-B3AE-4468-9248-89760E7977AD}"/>
              </a:ext>
            </a:extLst>
          </p:cNvPr>
          <p:cNvSpPr/>
          <p:nvPr/>
        </p:nvSpPr>
        <p:spPr>
          <a:xfrm>
            <a:off x="1730736" y="1974696"/>
            <a:ext cx="1198800" cy="183227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74" name="矩形 86">
            <a:extLst>
              <a:ext uri="{FF2B5EF4-FFF2-40B4-BE49-F238E27FC236}">
                <a16:creationId xmlns:a16="http://schemas.microsoft.com/office/drawing/2014/main" id="{6256BD64-0665-48E6-BDD8-4442B2335FC4}"/>
              </a:ext>
            </a:extLst>
          </p:cNvPr>
          <p:cNvSpPr/>
          <p:nvPr/>
        </p:nvSpPr>
        <p:spPr>
          <a:xfrm>
            <a:off x="1712003" y="1707733"/>
            <a:ext cx="1630725" cy="265244"/>
          </a:xfrm>
          <a:custGeom>
            <a:avLst/>
            <a:gdLst>
              <a:gd name="connsiteX0" fmla="*/ 0 w 720000"/>
              <a:gd name="connsiteY0" fmla="*/ 0 h 576000"/>
              <a:gd name="connsiteX1" fmla="*/ 720000 w 720000"/>
              <a:gd name="connsiteY1" fmla="*/ 0 h 576000"/>
              <a:gd name="connsiteX2" fmla="*/ 720000 w 720000"/>
              <a:gd name="connsiteY2" fmla="*/ 576000 h 576000"/>
              <a:gd name="connsiteX3" fmla="*/ 0 w 720000"/>
              <a:gd name="connsiteY3" fmla="*/ 576000 h 576000"/>
              <a:gd name="connsiteX4" fmla="*/ 0 w 720000"/>
              <a:gd name="connsiteY4" fmla="*/ 0 h 576000"/>
              <a:gd name="connsiteX0" fmla="*/ 0 w 958125"/>
              <a:gd name="connsiteY0" fmla="*/ 0 h 576000"/>
              <a:gd name="connsiteX1" fmla="*/ 958125 w 958125"/>
              <a:gd name="connsiteY1" fmla="*/ 76200 h 576000"/>
              <a:gd name="connsiteX2" fmla="*/ 720000 w 958125"/>
              <a:gd name="connsiteY2" fmla="*/ 576000 h 576000"/>
              <a:gd name="connsiteX3" fmla="*/ 0 w 958125"/>
              <a:gd name="connsiteY3" fmla="*/ 576000 h 576000"/>
              <a:gd name="connsiteX4" fmla="*/ 0 w 958125"/>
              <a:gd name="connsiteY4" fmla="*/ 0 h 576000"/>
              <a:gd name="connsiteX0" fmla="*/ 200025 w 958125"/>
              <a:gd name="connsiteY0" fmla="*/ 1714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0025 w 958125"/>
              <a:gd name="connsiteY4" fmla="*/ 171450 h 499800"/>
              <a:gd name="connsiteX0" fmla="*/ 209550 w 958125"/>
              <a:gd name="connsiteY0" fmla="*/ 19050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09550 w 958125"/>
              <a:gd name="connsiteY4" fmla="*/ 19050 h 499800"/>
              <a:gd name="connsiteX0" fmla="*/ 238125 w 958125"/>
              <a:gd name="connsiteY0" fmla="*/ 28575 h 499800"/>
              <a:gd name="connsiteX1" fmla="*/ 958125 w 958125"/>
              <a:gd name="connsiteY1" fmla="*/ 0 h 499800"/>
              <a:gd name="connsiteX2" fmla="*/ 720000 w 958125"/>
              <a:gd name="connsiteY2" fmla="*/ 499800 h 499800"/>
              <a:gd name="connsiteX3" fmla="*/ 0 w 958125"/>
              <a:gd name="connsiteY3" fmla="*/ 499800 h 499800"/>
              <a:gd name="connsiteX4" fmla="*/ 238125 w 958125"/>
              <a:gd name="connsiteY4" fmla="*/ 28575 h 499800"/>
              <a:gd name="connsiteX0" fmla="*/ 238125 w 967061"/>
              <a:gd name="connsiteY0" fmla="*/ 7725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38125 w 967061"/>
              <a:gd name="connsiteY4" fmla="*/ 7725 h 478950"/>
              <a:gd name="connsiteX0" fmla="*/ 241104 w 967061"/>
              <a:gd name="connsiteY0" fmla="*/ 10704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1104 w 967061"/>
              <a:gd name="connsiteY4" fmla="*/ 10704 h 478950"/>
              <a:gd name="connsiteX0" fmla="*/ 244082 w 967061"/>
              <a:gd name="connsiteY0" fmla="*/ 13682 h 478950"/>
              <a:gd name="connsiteX1" fmla="*/ 967061 w 967061"/>
              <a:gd name="connsiteY1" fmla="*/ 0 h 478950"/>
              <a:gd name="connsiteX2" fmla="*/ 720000 w 967061"/>
              <a:gd name="connsiteY2" fmla="*/ 478950 h 478950"/>
              <a:gd name="connsiteX3" fmla="*/ 0 w 967061"/>
              <a:gd name="connsiteY3" fmla="*/ 478950 h 478950"/>
              <a:gd name="connsiteX4" fmla="*/ 244082 w 967061"/>
              <a:gd name="connsiteY4" fmla="*/ 13682 h 478950"/>
              <a:gd name="connsiteX0" fmla="*/ 253018 w 967061"/>
              <a:gd name="connsiteY0" fmla="*/ 0 h 486118"/>
              <a:gd name="connsiteX1" fmla="*/ 967061 w 967061"/>
              <a:gd name="connsiteY1" fmla="*/ 7168 h 486118"/>
              <a:gd name="connsiteX2" fmla="*/ 720000 w 967061"/>
              <a:gd name="connsiteY2" fmla="*/ 486118 h 486118"/>
              <a:gd name="connsiteX3" fmla="*/ 0 w 967061"/>
              <a:gd name="connsiteY3" fmla="*/ 486118 h 486118"/>
              <a:gd name="connsiteX4" fmla="*/ 253018 w 967061"/>
              <a:gd name="connsiteY4" fmla="*/ 0 h 486118"/>
              <a:gd name="connsiteX0" fmla="*/ 250039 w 967061"/>
              <a:gd name="connsiteY0" fmla="*/ 0 h 483139"/>
              <a:gd name="connsiteX1" fmla="*/ 967061 w 967061"/>
              <a:gd name="connsiteY1" fmla="*/ 4189 h 483139"/>
              <a:gd name="connsiteX2" fmla="*/ 720000 w 967061"/>
              <a:gd name="connsiteY2" fmla="*/ 483139 h 483139"/>
              <a:gd name="connsiteX3" fmla="*/ 0 w 967061"/>
              <a:gd name="connsiteY3" fmla="*/ 483139 h 483139"/>
              <a:gd name="connsiteX4" fmla="*/ 250039 w 967061"/>
              <a:gd name="connsiteY4" fmla="*/ 0 h 483139"/>
              <a:gd name="connsiteX0" fmla="*/ 250039 w 956527"/>
              <a:gd name="connsiteY0" fmla="*/ 0 h 483139"/>
              <a:gd name="connsiteX1" fmla="*/ 956527 w 956527"/>
              <a:gd name="connsiteY1" fmla="*/ 204486 h 483139"/>
              <a:gd name="connsiteX2" fmla="*/ 720000 w 956527"/>
              <a:gd name="connsiteY2" fmla="*/ 483139 h 483139"/>
              <a:gd name="connsiteX3" fmla="*/ 0 w 956527"/>
              <a:gd name="connsiteY3" fmla="*/ 483139 h 483139"/>
              <a:gd name="connsiteX4" fmla="*/ 250039 w 956527"/>
              <a:gd name="connsiteY4" fmla="*/ 0 h 483139"/>
              <a:gd name="connsiteX0" fmla="*/ 239505 w 956527"/>
              <a:gd name="connsiteY0" fmla="*/ 452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39505 w 956527"/>
              <a:gd name="connsiteY4" fmla="*/ 4520 h 278653"/>
              <a:gd name="connsiteX0" fmla="*/ 250039 w 956527"/>
              <a:gd name="connsiteY0" fmla="*/ 65480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65480 h 278653"/>
              <a:gd name="connsiteX0" fmla="*/ 250039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50039 w 956527"/>
              <a:gd name="connsiteY4" fmla="*/ 13229 h 278653"/>
              <a:gd name="connsiteX0" fmla="*/ 244772 w 956527"/>
              <a:gd name="connsiteY0" fmla="*/ 13229 h 278653"/>
              <a:gd name="connsiteX1" fmla="*/ 956527 w 956527"/>
              <a:gd name="connsiteY1" fmla="*/ 0 h 278653"/>
              <a:gd name="connsiteX2" fmla="*/ 720000 w 956527"/>
              <a:gd name="connsiteY2" fmla="*/ 278653 h 278653"/>
              <a:gd name="connsiteX3" fmla="*/ 0 w 956527"/>
              <a:gd name="connsiteY3" fmla="*/ 278653 h 278653"/>
              <a:gd name="connsiteX4" fmla="*/ 244772 w 956527"/>
              <a:gd name="connsiteY4" fmla="*/ 13229 h 278653"/>
              <a:gd name="connsiteX0" fmla="*/ 244772 w 956527"/>
              <a:gd name="connsiteY0" fmla="*/ 0 h 282841"/>
              <a:gd name="connsiteX1" fmla="*/ 956527 w 956527"/>
              <a:gd name="connsiteY1" fmla="*/ 4188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82841"/>
              <a:gd name="connsiteX1" fmla="*/ 956527 w 956527"/>
              <a:gd name="connsiteY1" fmla="*/ 30314 h 282841"/>
              <a:gd name="connsiteX2" fmla="*/ 720000 w 956527"/>
              <a:gd name="connsiteY2" fmla="*/ 282841 h 282841"/>
              <a:gd name="connsiteX3" fmla="*/ 0 w 956527"/>
              <a:gd name="connsiteY3" fmla="*/ 282841 h 282841"/>
              <a:gd name="connsiteX4" fmla="*/ 244772 w 956527"/>
              <a:gd name="connsiteY4" fmla="*/ 0 h 282841"/>
              <a:gd name="connsiteX0" fmla="*/ 244772 w 956527"/>
              <a:gd name="connsiteY0" fmla="*/ 0 h 274132"/>
              <a:gd name="connsiteX1" fmla="*/ 956527 w 956527"/>
              <a:gd name="connsiteY1" fmla="*/ 21605 h 274132"/>
              <a:gd name="connsiteX2" fmla="*/ 720000 w 956527"/>
              <a:gd name="connsiteY2" fmla="*/ 274132 h 274132"/>
              <a:gd name="connsiteX3" fmla="*/ 0 w 956527"/>
              <a:gd name="connsiteY3" fmla="*/ 274132 h 274132"/>
              <a:gd name="connsiteX4" fmla="*/ 244772 w 956527"/>
              <a:gd name="connsiteY4" fmla="*/ 0 h 274132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4521 h 252527"/>
              <a:gd name="connsiteX1" fmla="*/ 956527 w 956527"/>
              <a:gd name="connsiteY1" fmla="*/ 0 h 252527"/>
              <a:gd name="connsiteX2" fmla="*/ 720000 w 956527"/>
              <a:gd name="connsiteY2" fmla="*/ 252527 h 252527"/>
              <a:gd name="connsiteX3" fmla="*/ 0 w 956527"/>
              <a:gd name="connsiteY3" fmla="*/ 252527 h 252527"/>
              <a:gd name="connsiteX4" fmla="*/ 244772 w 956527"/>
              <a:gd name="connsiteY4" fmla="*/ 4521 h 252527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6527"/>
              <a:gd name="connsiteY0" fmla="*/ 0 h 265424"/>
              <a:gd name="connsiteX1" fmla="*/ 956527 w 956527"/>
              <a:gd name="connsiteY1" fmla="*/ 12897 h 265424"/>
              <a:gd name="connsiteX2" fmla="*/ 720000 w 956527"/>
              <a:gd name="connsiteY2" fmla="*/ 265424 h 265424"/>
              <a:gd name="connsiteX3" fmla="*/ 0 w 956527"/>
              <a:gd name="connsiteY3" fmla="*/ 265424 h 265424"/>
              <a:gd name="connsiteX4" fmla="*/ 244772 w 956527"/>
              <a:gd name="connsiteY4" fmla="*/ 0 h 265424"/>
              <a:gd name="connsiteX0" fmla="*/ 244772 w 951260"/>
              <a:gd name="connsiteY0" fmla="*/ 0 h 265424"/>
              <a:gd name="connsiteX1" fmla="*/ 951260 w 951260"/>
              <a:gd name="connsiteY1" fmla="*/ 4189 h 265424"/>
              <a:gd name="connsiteX2" fmla="*/ 720000 w 951260"/>
              <a:gd name="connsiteY2" fmla="*/ 265424 h 265424"/>
              <a:gd name="connsiteX3" fmla="*/ 0 w 951260"/>
              <a:gd name="connsiteY3" fmla="*/ 265424 h 265424"/>
              <a:gd name="connsiteX4" fmla="*/ 244772 w 951260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4189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65424"/>
              <a:gd name="connsiteX1" fmla="*/ 961794 w 961794"/>
              <a:gd name="connsiteY1" fmla="*/ 12898 h 265424"/>
              <a:gd name="connsiteX2" fmla="*/ 720000 w 961794"/>
              <a:gd name="connsiteY2" fmla="*/ 265424 h 265424"/>
              <a:gd name="connsiteX3" fmla="*/ 0 w 961794"/>
              <a:gd name="connsiteY3" fmla="*/ 265424 h 265424"/>
              <a:gd name="connsiteX4" fmla="*/ 244772 w 961794"/>
              <a:gd name="connsiteY4" fmla="*/ 0 h 265424"/>
              <a:gd name="connsiteX0" fmla="*/ 244772 w 961794"/>
              <a:gd name="connsiteY0" fmla="*/ 0 h 256715"/>
              <a:gd name="connsiteX1" fmla="*/ 961794 w 961794"/>
              <a:gd name="connsiteY1" fmla="*/ 4189 h 256715"/>
              <a:gd name="connsiteX2" fmla="*/ 720000 w 961794"/>
              <a:gd name="connsiteY2" fmla="*/ 256715 h 256715"/>
              <a:gd name="connsiteX3" fmla="*/ 0 w 961794"/>
              <a:gd name="connsiteY3" fmla="*/ 256715 h 256715"/>
              <a:gd name="connsiteX4" fmla="*/ 244772 w 961794"/>
              <a:gd name="connsiteY4" fmla="*/ 0 h 25671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1794" h="256715">
                <a:moveTo>
                  <a:pt x="244772" y="0"/>
                </a:moveTo>
                <a:lnTo>
                  <a:pt x="961794" y="4189"/>
                </a:lnTo>
                <a:lnTo>
                  <a:pt x="720000" y="256715"/>
                </a:lnTo>
                <a:lnTo>
                  <a:pt x="0" y="256715"/>
                </a:lnTo>
                <a:lnTo>
                  <a:pt x="244772" y="0"/>
                </a:lnTo>
                <a:close/>
              </a:path>
            </a:pathLst>
          </a:custGeom>
          <a:solidFill>
            <a:schemeClr val="accent2"/>
          </a:solidFill>
          <a:ln w="1905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8" name="Text Box 9">
            <a:extLst>
              <a:ext uri="{FF2B5EF4-FFF2-40B4-BE49-F238E27FC236}">
                <a16:creationId xmlns:a16="http://schemas.microsoft.com/office/drawing/2014/main" id="{0F71DF30-492B-4950-AE0E-1FBDB70AE2F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331556" y="5001631"/>
            <a:ext cx="919424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62</a:t>
            </a:r>
            <a:endParaRPr lang="zh-TW" altLang="en-US" sz="2800" dirty="0">
              <a:solidFill>
                <a:srgbClr val="FF0000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89" name="任意多边形: 形状 88">
            <a:extLst>
              <a:ext uri="{FF2B5EF4-FFF2-40B4-BE49-F238E27FC236}">
                <a16:creationId xmlns:a16="http://schemas.microsoft.com/office/drawing/2014/main" id="{0D41044F-3C5F-40A5-AA22-784439F6DB15}"/>
              </a:ext>
            </a:extLst>
          </p:cNvPr>
          <p:cNvSpPr/>
          <p:nvPr/>
        </p:nvSpPr>
        <p:spPr>
          <a:xfrm>
            <a:off x="3345148" y="3554744"/>
            <a:ext cx="571053" cy="148595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90" name="Text Box 50">
            <a:extLst>
              <a:ext uri="{FF2B5EF4-FFF2-40B4-BE49-F238E27FC236}">
                <a16:creationId xmlns:a16="http://schemas.microsoft.com/office/drawing/2014/main" id="{1405DFDF-7C2C-478E-9E97-3FF92234A4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0712" y="3642426"/>
            <a:ext cx="791042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000" dirty="0">
                <a:solidFill>
                  <a:srgbClr val="FF00FF"/>
                </a:solidFill>
              </a:rPr>
              <a:t>3cm</a:t>
            </a:r>
          </a:p>
        </p:txBody>
      </p:sp>
      <p:sp>
        <p:nvSpPr>
          <p:cNvPr id="2" name="矩形 1">
            <a:extLst>
              <a:ext uri="{FF2B5EF4-FFF2-40B4-BE49-F238E27FC236}">
                <a16:creationId xmlns:a16="http://schemas.microsoft.com/office/drawing/2014/main" id="{33557C1A-AC6C-4762-85D5-6545E1EA7A15}"/>
              </a:ext>
            </a:extLst>
          </p:cNvPr>
          <p:cNvSpPr/>
          <p:nvPr/>
        </p:nvSpPr>
        <p:spPr>
          <a:xfrm>
            <a:off x="851099" y="2503815"/>
            <a:ext cx="644524" cy="375010"/>
          </a:xfrm>
          <a:prstGeom prst="rect">
            <a:avLst/>
          </a:pr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3" name="Text Box 50">
            <a:extLst>
              <a:ext uri="{FF2B5EF4-FFF2-40B4-BE49-F238E27FC236}">
                <a16:creationId xmlns:a16="http://schemas.microsoft.com/office/drawing/2014/main" id="{19A4E169-26BF-49A9-9CC3-21E350ACCA7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182758" y="2466368"/>
            <a:ext cx="791042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000" dirty="0">
                <a:solidFill>
                  <a:srgbClr val="0000E1"/>
                </a:solidFill>
              </a:rPr>
              <a:t>9cm</a:t>
            </a:r>
          </a:p>
        </p:txBody>
      </p:sp>
      <p:sp>
        <p:nvSpPr>
          <p:cNvPr id="45" name="矩形 44">
            <a:extLst>
              <a:ext uri="{FF2B5EF4-FFF2-40B4-BE49-F238E27FC236}">
                <a16:creationId xmlns:a16="http://schemas.microsoft.com/office/drawing/2014/main" id="{55C853A8-A82F-4C4D-8E3F-FF7168E70677}"/>
              </a:ext>
            </a:extLst>
          </p:cNvPr>
          <p:cNvSpPr/>
          <p:nvPr/>
        </p:nvSpPr>
        <p:spPr>
          <a:xfrm>
            <a:off x="2169304" y="4163712"/>
            <a:ext cx="1061408" cy="345010"/>
          </a:xfrm>
          <a:prstGeom prst="rect">
            <a:avLst/>
          </a:pr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6" name="Text Box 9">
            <a:extLst>
              <a:ext uri="{FF2B5EF4-FFF2-40B4-BE49-F238E27FC236}">
                <a16:creationId xmlns:a16="http://schemas.microsoft.com/office/drawing/2014/main" id="{EE2F30A2-034E-4AA0-BB16-9453EDCCA6A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80518" y="3762870"/>
            <a:ext cx="1198800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0000E1"/>
                </a:solidFill>
                <a:ea typeface="DFKai-SB" panose="03000509000000000000" pitchFamily="65" charset="-120"/>
              </a:rPr>
              <a:t>(9</a:t>
            </a:r>
            <a:r>
              <a:rPr lang="zh-CN" altLang="en-US" dirty="0">
                <a:solidFill>
                  <a:srgbClr val="0000E1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dirty="0">
                <a:solidFill>
                  <a:srgbClr val="0000E1"/>
                </a:solidFill>
                <a:ea typeface="DFKai-SB" panose="03000509000000000000" pitchFamily="65" charset="-120"/>
              </a:rPr>
              <a:t>3)cm</a:t>
            </a:r>
            <a:endParaRPr lang="zh-TW" altLang="en-US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7" name="矩形 46">
            <a:extLst>
              <a:ext uri="{FF2B5EF4-FFF2-40B4-BE49-F238E27FC236}">
                <a16:creationId xmlns:a16="http://schemas.microsoft.com/office/drawing/2014/main" id="{073FF78F-6C4D-4134-87BF-4C78A5C9A9FD}"/>
              </a:ext>
            </a:extLst>
          </p:cNvPr>
          <p:cNvSpPr/>
          <p:nvPr/>
        </p:nvSpPr>
        <p:spPr>
          <a:xfrm>
            <a:off x="3358263" y="3682665"/>
            <a:ext cx="644524" cy="400110"/>
          </a:xfrm>
          <a:prstGeom prst="rect">
            <a:avLst/>
          </a:pr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9" name="Text Box 50">
            <a:extLst>
              <a:ext uri="{FF2B5EF4-FFF2-40B4-BE49-F238E27FC236}">
                <a16:creationId xmlns:a16="http://schemas.microsoft.com/office/drawing/2014/main" id="{44A71640-8885-4784-9057-89749CA58C1C}"/>
              </a:ext>
            </a:extLst>
          </p:cNvPr>
          <p:cNvSpPr txBox="1">
            <a:spLocks noChangeArrowheads="1"/>
          </p:cNvSpPr>
          <p:nvPr/>
        </p:nvSpPr>
        <p:spPr bwMode="auto">
          <a:xfrm rot="19399922">
            <a:off x="2726667" y="3604241"/>
            <a:ext cx="791042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bg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7961" dir="2700000" algn="ctr" rotWithShape="0">
                    <a:srgbClr val="999999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r" eaLnBrk="1" hangingPunct="1">
              <a:spcBef>
                <a:spcPct val="50000"/>
              </a:spcBef>
            </a:pPr>
            <a:r>
              <a:rPr lang="en-US" altLang="zh-TW" sz="2000" dirty="0">
                <a:solidFill>
                  <a:srgbClr val="0000E1"/>
                </a:solidFill>
              </a:rPr>
              <a:t>3cm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824763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1000"/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6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2" grpId="0" animBg="1"/>
      <p:bldP spid="66" grpId="0" build="allAtOnce"/>
      <p:bldP spid="23" grpId="0"/>
      <p:bldP spid="48" grpId="0" animBg="1"/>
      <p:bldP spid="51" grpId="0" animBg="1"/>
      <p:bldP spid="52" grpId="0" animBg="1"/>
      <p:bldP spid="71" grpId="0" animBg="1"/>
      <p:bldP spid="74" grpId="0" animBg="1"/>
      <p:bldP spid="88" grpId="0"/>
      <p:bldP spid="89" grpId="0" animBg="1"/>
      <p:bldP spid="90" grpId="0"/>
      <p:bldP spid="2" grpId="0" animBg="1"/>
      <p:bldP spid="2" grpId="1" animBg="1"/>
      <p:bldP spid="43" grpId="0"/>
      <p:bldP spid="43" grpId="1"/>
      <p:bldP spid="45" grpId="0" animBg="1"/>
      <p:bldP spid="45" grpId="1" animBg="1"/>
      <p:bldP spid="46" grpId="0"/>
      <p:bldP spid="46" grpId="1"/>
      <p:bldP spid="46" grpId="2"/>
      <p:bldP spid="47" grpId="0" animBg="1"/>
      <p:bldP spid="47" grpId="1" animBg="1"/>
      <p:bldP spid="49" grpId="0"/>
      <p:bldP spid="49" grpId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椭圆 4">
            <a:extLst>
              <a:ext uri="{FF2B5EF4-FFF2-40B4-BE49-F238E27FC236}">
                <a16:creationId xmlns:a16="http://schemas.microsoft.com/office/drawing/2014/main" id="{0DFB026B-11C9-4FE0-AE3E-39AF4035B1B3}"/>
              </a:ext>
            </a:extLst>
          </p:cNvPr>
          <p:cNvSpPr/>
          <p:nvPr/>
        </p:nvSpPr>
        <p:spPr>
          <a:xfrm>
            <a:off x="4793909" y="3447941"/>
            <a:ext cx="353963" cy="339215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  <p:sp>
        <p:nvSpPr>
          <p:cNvPr id="74" name="矩形 73">
            <a:extLst>
              <a:ext uri="{FF2B5EF4-FFF2-40B4-BE49-F238E27FC236}">
                <a16:creationId xmlns:a16="http://schemas.microsoft.com/office/drawing/2014/main" id="{79D06A77-ADEF-466C-A25E-50E2C008348C}"/>
              </a:ext>
            </a:extLst>
          </p:cNvPr>
          <p:cNvSpPr/>
          <p:nvPr/>
        </p:nvSpPr>
        <p:spPr>
          <a:xfrm>
            <a:off x="3471661" y="1555905"/>
            <a:ext cx="885325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8" name="矩形 37">
            <a:extLst>
              <a:ext uri="{FF2B5EF4-FFF2-40B4-BE49-F238E27FC236}">
                <a16:creationId xmlns:a16="http://schemas.microsoft.com/office/drawing/2014/main" id="{3725FA8F-4734-4107-863B-CBAC3525ED16}"/>
              </a:ext>
            </a:extLst>
          </p:cNvPr>
          <p:cNvSpPr/>
          <p:nvPr/>
        </p:nvSpPr>
        <p:spPr>
          <a:xfrm>
            <a:off x="951806" y="1539555"/>
            <a:ext cx="2455071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7" name="矩形 36">
            <a:extLst>
              <a:ext uri="{FF2B5EF4-FFF2-40B4-BE49-F238E27FC236}">
                <a16:creationId xmlns:a16="http://schemas.microsoft.com/office/drawing/2014/main" id="{E0571525-43DC-423F-84CB-5D4F0E16BBA7}"/>
              </a:ext>
            </a:extLst>
          </p:cNvPr>
          <p:cNvSpPr/>
          <p:nvPr/>
        </p:nvSpPr>
        <p:spPr>
          <a:xfrm>
            <a:off x="6410167" y="986521"/>
            <a:ext cx="2155326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6" name="矩形 35">
            <a:extLst>
              <a:ext uri="{FF2B5EF4-FFF2-40B4-BE49-F238E27FC236}">
                <a16:creationId xmlns:a16="http://schemas.microsoft.com/office/drawing/2014/main" id="{63A687A7-F2AD-44EE-8DCE-90FB50CF83DA}"/>
              </a:ext>
            </a:extLst>
          </p:cNvPr>
          <p:cNvSpPr/>
          <p:nvPr/>
        </p:nvSpPr>
        <p:spPr>
          <a:xfrm>
            <a:off x="4294953" y="986521"/>
            <a:ext cx="1726957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1" name="矩形 30">
            <a:extLst>
              <a:ext uri="{FF2B5EF4-FFF2-40B4-BE49-F238E27FC236}">
                <a16:creationId xmlns:a16="http://schemas.microsoft.com/office/drawing/2014/main" id="{894523A5-2302-4A4D-81DA-50B5B102DD8D}"/>
              </a:ext>
            </a:extLst>
          </p:cNvPr>
          <p:cNvSpPr/>
          <p:nvPr/>
        </p:nvSpPr>
        <p:spPr>
          <a:xfrm>
            <a:off x="2330400" y="998793"/>
            <a:ext cx="1726957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grpSp>
        <p:nvGrpSpPr>
          <p:cNvPr id="24" name="组合 23">
            <a:extLst>
              <a:ext uri="{FF2B5EF4-FFF2-40B4-BE49-F238E27FC236}">
                <a16:creationId xmlns:a16="http://schemas.microsoft.com/office/drawing/2014/main" id="{F351B6FE-CB19-4F9D-940D-9FB05E439298}"/>
              </a:ext>
            </a:extLst>
          </p:cNvPr>
          <p:cNvGrpSpPr/>
          <p:nvPr/>
        </p:nvGrpSpPr>
        <p:grpSpPr>
          <a:xfrm>
            <a:off x="304032" y="838026"/>
            <a:ext cx="8393401" cy="3218429"/>
            <a:chOff x="304032" y="838026"/>
            <a:chExt cx="8393401" cy="3218429"/>
          </a:xfrm>
        </p:grpSpPr>
        <p:grpSp>
          <p:nvGrpSpPr>
            <p:cNvPr id="2" name="组合 1">
              <a:extLst>
                <a:ext uri="{FF2B5EF4-FFF2-40B4-BE49-F238E27FC236}">
                  <a16:creationId xmlns:a16="http://schemas.microsoft.com/office/drawing/2014/main" id="{E8C443A0-A7FB-4897-8571-5A1768BB305B}"/>
                </a:ext>
              </a:extLst>
            </p:cNvPr>
            <p:cNvGrpSpPr/>
            <p:nvPr/>
          </p:nvGrpSpPr>
          <p:grpSpPr>
            <a:xfrm>
              <a:off x="304032" y="838026"/>
              <a:ext cx="8393401" cy="3019288"/>
              <a:chOff x="304032" y="838026"/>
              <a:chExt cx="8393401" cy="3019288"/>
            </a:xfrm>
          </p:grpSpPr>
          <p:sp>
            <p:nvSpPr>
              <p:cNvPr id="4" name="文本框 3">
                <a:extLst>
                  <a:ext uri="{FF2B5EF4-FFF2-40B4-BE49-F238E27FC236}">
                    <a16:creationId xmlns:a16="http://schemas.microsoft.com/office/drawing/2014/main" id="{0562D6E7-CE24-4594-AF33-165536CE6143}"/>
                  </a:ext>
                </a:extLst>
              </p:cNvPr>
              <p:cNvSpPr txBox="1"/>
              <p:nvPr/>
            </p:nvSpPr>
            <p:spPr>
              <a:xfrm>
                <a:off x="416197" y="838026"/>
                <a:ext cx="8281236" cy="301928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4400"/>
                  </a:lnSpc>
                </a:pPr>
                <a:r>
                  <a:rPr lang="en-US" altLang="zh-CN" sz="2800" b="1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 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郵輪上有男乘客</a:t>
                </a:r>
                <a:r>
                  <a:rPr lang="en-US" altLang="zh-CN" sz="2800" i="1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h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人，女乘客</a:t>
                </a: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36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人，女乘客的人數</a:t>
                </a:r>
                <a:endPara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endParaRPr>
              </a:p>
              <a:p>
                <a:pPr>
                  <a:lnSpc>
                    <a:spcPts val="4400"/>
                  </a:lnSpc>
                </a:pP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 比男乘客的一半多</a:t>
                </a: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8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人，以下哪道方程能夠找出男</a:t>
                </a:r>
                <a:endPara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endParaRPr>
              </a:p>
              <a:p>
                <a:pPr>
                  <a:lnSpc>
                    <a:spcPts val="4400"/>
                  </a:lnSpc>
                </a:pP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 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乘客的人數？</a:t>
                </a:r>
                <a:endPara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endParaRPr>
              </a:p>
              <a:p>
                <a:pPr indent="539735">
                  <a:lnSpc>
                    <a:spcPts val="4400"/>
                  </a:lnSpc>
                  <a:spcAft>
                    <a:spcPts val="1200"/>
                  </a:spcAft>
                </a:pP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A. 2</a:t>
                </a:r>
                <a:r>
                  <a:rPr lang="en-US" altLang="zh-CN" sz="2800" i="1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h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－</a:t>
                </a: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8 = 36                       B. 2</a:t>
                </a:r>
                <a:r>
                  <a:rPr lang="en-US" altLang="zh-CN" sz="2800" i="1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h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＋</a:t>
                </a: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8 = 36 </a:t>
                </a:r>
              </a:p>
              <a:p>
                <a:pPr indent="539735">
                  <a:lnSpc>
                    <a:spcPts val="4400"/>
                  </a:lnSpc>
                </a:pP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    C.      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－</a:t>
                </a: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8 = 36                       D.       </a:t>
                </a:r>
                <a:r>
                  <a:rPr lang="zh-CN" altLang="en-US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＋</a:t>
                </a:r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8 = 36 </a:t>
                </a:r>
              </a:p>
            </p:txBody>
          </p:sp>
          <p:sp>
            <p:nvSpPr>
              <p:cNvPr id="3" name="文本框 2">
                <a:extLst>
                  <a:ext uri="{FF2B5EF4-FFF2-40B4-BE49-F238E27FC236}">
                    <a16:creationId xmlns:a16="http://schemas.microsoft.com/office/drawing/2014/main" id="{AD68BCCC-8852-44AB-BF4B-E334E97EF2ED}"/>
                  </a:ext>
                </a:extLst>
              </p:cNvPr>
              <p:cNvSpPr txBox="1"/>
              <p:nvPr/>
            </p:nvSpPr>
            <p:spPr>
              <a:xfrm>
                <a:off x="304032" y="838026"/>
                <a:ext cx="759023" cy="61029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4400"/>
                  </a:lnSpc>
                </a:pPr>
                <a:r>
                  <a:rPr lang="en-US" altLang="zh-CN" sz="2800" b="1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ea typeface="DFKai-SB" panose="03000509000000000000" pitchFamily="65" charset="-120"/>
                  </a:rPr>
                  <a:t>34. </a:t>
                </a:r>
                <a:endPara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endParaRPr>
              </a:p>
            </p:txBody>
          </p:sp>
          <p:sp>
            <p:nvSpPr>
              <p:cNvPr id="6" name="椭圆 5">
                <a:extLst>
                  <a:ext uri="{FF2B5EF4-FFF2-40B4-BE49-F238E27FC236}">
                    <a16:creationId xmlns:a16="http://schemas.microsoft.com/office/drawing/2014/main" id="{7975B5D9-7F45-4781-BB88-E087565B8EDE}"/>
                  </a:ext>
                </a:extLst>
              </p:cNvPr>
              <p:cNvSpPr/>
              <p:nvPr/>
            </p:nvSpPr>
            <p:spPr>
              <a:xfrm>
                <a:off x="4793909" y="3438602"/>
                <a:ext cx="353963" cy="339215"/>
              </a:xfrm>
              <a:prstGeom prst="ellipse">
                <a:avLst/>
              </a:prstGeom>
              <a:noFill/>
              <a:ln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sz="2800">
                  <a:solidFill>
                    <a:schemeClr val="tx1">
                      <a:lumMod val="95000"/>
                      <a:lumOff val="5000"/>
                    </a:schemeClr>
                  </a:solidFill>
                </a:endParaRPr>
              </a:p>
            </p:txBody>
          </p:sp>
          <p:sp>
            <p:nvSpPr>
              <p:cNvPr id="8" name="椭圆 7">
                <a:extLst>
                  <a:ext uri="{FF2B5EF4-FFF2-40B4-BE49-F238E27FC236}">
                    <a16:creationId xmlns:a16="http://schemas.microsoft.com/office/drawing/2014/main" id="{A0323C1B-840D-4FE7-A39E-C80CF635ED8D}"/>
                  </a:ext>
                </a:extLst>
              </p:cNvPr>
              <p:cNvSpPr/>
              <p:nvPr/>
            </p:nvSpPr>
            <p:spPr>
              <a:xfrm>
                <a:off x="4793909" y="2717470"/>
                <a:ext cx="353963" cy="339215"/>
              </a:xfrm>
              <a:prstGeom prst="ellipse">
                <a:avLst/>
              </a:prstGeom>
              <a:noFill/>
              <a:ln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sz="2800">
                  <a:solidFill>
                    <a:schemeClr val="tx1">
                      <a:lumMod val="95000"/>
                      <a:lumOff val="5000"/>
                    </a:schemeClr>
                  </a:solidFill>
                </a:endParaRPr>
              </a:p>
            </p:txBody>
          </p:sp>
          <p:sp>
            <p:nvSpPr>
              <p:cNvPr id="9" name="椭圆 8">
                <a:extLst>
                  <a:ext uri="{FF2B5EF4-FFF2-40B4-BE49-F238E27FC236}">
                    <a16:creationId xmlns:a16="http://schemas.microsoft.com/office/drawing/2014/main" id="{18EE2CC0-9B16-4FA7-A1FF-20C809BEA485}"/>
                  </a:ext>
                </a:extLst>
              </p:cNvPr>
              <p:cNvSpPr/>
              <p:nvPr/>
            </p:nvSpPr>
            <p:spPr>
              <a:xfrm>
                <a:off x="961936" y="2680974"/>
                <a:ext cx="353963" cy="339215"/>
              </a:xfrm>
              <a:prstGeom prst="ellipse">
                <a:avLst/>
              </a:prstGeom>
              <a:noFill/>
              <a:ln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sz="2800">
                  <a:solidFill>
                    <a:schemeClr val="tx1">
                      <a:lumMod val="95000"/>
                      <a:lumOff val="5000"/>
                    </a:schemeClr>
                  </a:solidFill>
                </a:endParaRPr>
              </a:p>
            </p:txBody>
          </p:sp>
          <p:sp>
            <p:nvSpPr>
              <p:cNvPr id="10" name="椭圆 9">
                <a:extLst>
                  <a:ext uri="{FF2B5EF4-FFF2-40B4-BE49-F238E27FC236}">
                    <a16:creationId xmlns:a16="http://schemas.microsoft.com/office/drawing/2014/main" id="{0F5327C2-5A75-4AC8-9879-E2394B9DF897}"/>
                  </a:ext>
                </a:extLst>
              </p:cNvPr>
              <p:cNvSpPr/>
              <p:nvPr/>
            </p:nvSpPr>
            <p:spPr>
              <a:xfrm>
                <a:off x="970396" y="3436652"/>
                <a:ext cx="353963" cy="339215"/>
              </a:xfrm>
              <a:prstGeom prst="ellipse">
                <a:avLst/>
              </a:prstGeom>
              <a:noFill/>
              <a:ln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sz="2800">
                  <a:solidFill>
                    <a:schemeClr val="tx1">
                      <a:lumMod val="95000"/>
                      <a:lumOff val="5000"/>
                    </a:schemeClr>
                  </a:solidFill>
                </a:endParaRPr>
              </a:p>
            </p:txBody>
          </p:sp>
        </p:grpSp>
        <p:grpSp>
          <p:nvGrpSpPr>
            <p:cNvPr id="17" name="组合 16">
              <a:extLst>
                <a:ext uri="{FF2B5EF4-FFF2-40B4-BE49-F238E27FC236}">
                  <a16:creationId xmlns:a16="http://schemas.microsoft.com/office/drawing/2014/main" id="{26F1F4FE-43E9-44A8-B4C6-C9A5FB6130B3}"/>
                </a:ext>
              </a:extLst>
            </p:cNvPr>
            <p:cNvGrpSpPr/>
            <p:nvPr/>
          </p:nvGrpSpPr>
          <p:grpSpPr>
            <a:xfrm>
              <a:off x="1660024" y="3099261"/>
              <a:ext cx="475925" cy="957194"/>
              <a:chOff x="3296092" y="4220072"/>
              <a:chExt cx="475925" cy="957194"/>
            </a:xfrm>
          </p:grpSpPr>
          <p:sp>
            <p:nvSpPr>
              <p:cNvPr id="12" name="Text Box 50">
                <a:extLst>
                  <a:ext uri="{FF2B5EF4-FFF2-40B4-BE49-F238E27FC236}">
                    <a16:creationId xmlns:a16="http://schemas.microsoft.com/office/drawing/2014/main" id="{0998AF63-F172-4CDF-BE4D-E4E4D9A76C0D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3296092" y="4220072"/>
                <a:ext cx="454659" cy="52322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algn="r" eaLnBrk="1" hangingPunct="1">
                  <a:spcBef>
                    <a:spcPct val="50000"/>
                  </a:spcBef>
                </a:pPr>
                <a:r>
                  <a:rPr lang="en-US" altLang="zh-TW" sz="2800" i="1" dirty="0">
                    <a:solidFill>
                      <a:schemeClr val="tx1">
                        <a:lumMod val="95000"/>
                        <a:lumOff val="5000"/>
                      </a:schemeClr>
                    </a:solidFill>
                  </a:rPr>
                  <a:t>h</a:t>
                </a:r>
              </a:p>
            </p:txBody>
          </p:sp>
          <p:sp>
            <p:nvSpPr>
              <p:cNvPr id="13" name="Text Box 50">
                <a:extLst>
                  <a:ext uri="{FF2B5EF4-FFF2-40B4-BE49-F238E27FC236}">
                    <a16:creationId xmlns:a16="http://schemas.microsoft.com/office/drawing/2014/main" id="{2A833A12-BEDA-4C74-9F97-0B6F3FA5F4F3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3296092" y="4654046"/>
                <a:ext cx="454659" cy="52322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algn="r" eaLnBrk="1" hangingPunct="1">
                  <a:spcBef>
                    <a:spcPct val="50000"/>
                  </a:spcBef>
                </a:pPr>
                <a:r>
                  <a:rPr lang="en-US" altLang="zh-TW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</a:rPr>
                  <a:t>2</a:t>
                </a:r>
              </a:p>
            </p:txBody>
          </p:sp>
          <p:cxnSp>
            <p:nvCxnSpPr>
              <p:cNvPr id="15" name="直接连接符 14">
                <a:extLst>
                  <a:ext uri="{FF2B5EF4-FFF2-40B4-BE49-F238E27FC236}">
                    <a16:creationId xmlns:a16="http://schemas.microsoft.com/office/drawing/2014/main" id="{7FD436B0-DB9E-4D0F-BFCC-6E671C6FB58F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3347905" y="4705804"/>
                <a:ext cx="424112" cy="0"/>
              </a:xfrm>
              <a:prstGeom prst="line">
                <a:avLst/>
              </a:prstGeom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19" name="组合 18">
              <a:extLst>
                <a:ext uri="{FF2B5EF4-FFF2-40B4-BE49-F238E27FC236}">
                  <a16:creationId xmlns:a16="http://schemas.microsoft.com/office/drawing/2014/main" id="{366F0932-A1AF-45D0-805F-FCC36D1BBA61}"/>
                </a:ext>
              </a:extLst>
            </p:cNvPr>
            <p:cNvGrpSpPr/>
            <p:nvPr/>
          </p:nvGrpSpPr>
          <p:grpSpPr>
            <a:xfrm>
              <a:off x="5634740" y="3099261"/>
              <a:ext cx="499815" cy="957194"/>
              <a:chOff x="3442849" y="4220072"/>
              <a:chExt cx="499815" cy="957194"/>
            </a:xfrm>
          </p:grpSpPr>
          <p:sp>
            <p:nvSpPr>
              <p:cNvPr id="20" name="Text Box 50">
                <a:extLst>
                  <a:ext uri="{FF2B5EF4-FFF2-40B4-BE49-F238E27FC236}">
                    <a16:creationId xmlns:a16="http://schemas.microsoft.com/office/drawing/2014/main" id="{B4348F25-1B90-448A-BFF0-D5C6A5A32263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3488005" y="4220072"/>
                <a:ext cx="454659" cy="52322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algn="r" eaLnBrk="1" hangingPunct="1">
                  <a:spcBef>
                    <a:spcPct val="50000"/>
                  </a:spcBef>
                </a:pPr>
                <a:r>
                  <a:rPr lang="en-US" altLang="zh-TW" sz="2800" i="1" dirty="0">
                    <a:solidFill>
                      <a:schemeClr val="tx1">
                        <a:lumMod val="95000"/>
                        <a:lumOff val="5000"/>
                      </a:schemeClr>
                    </a:solidFill>
                  </a:rPr>
                  <a:t>h</a:t>
                </a:r>
              </a:p>
            </p:txBody>
          </p:sp>
          <p:sp>
            <p:nvSpPr>
              <p:cNvPr id="21" name="Text Box 50">
                <a:extLst>
                  <a:ext uri="{FF2B5EF4-FFF2-40B4-BE49-F238E27FC236}">
                    <a16:creationId xmlns:a16="http://schemas.microsoft.com/office/drawing/2014/main" id="{1A9D9E66-8F88-40BD-8EF7-6C6C146CF330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3442849" y="4654046"/>
                <a:ext cx="454659" cy="52322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algn="r" eaLnBrk="1" hangingPunct="1">
                  <a:spcBef>
                    <a:spcPct val="50000"/>
                  </a:spcBef>
                </a:pPr>
                <a:r>
                  <a:rPr lang="en-US" altLang="zh-TW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</a:rPr>
                  <a:t>2</a:t>
                </a:r>
              </a:p>
            </p:txBody>
          </p:sp>
          <p:cxnSp>
            <p:nvCxnSpPr>
              <p:cNvPr id="22" name="直接连接符 21">
                <a:extLst>
                  <a:ext uri="{FF2B5EF4-FFF2-40B4-BE49-F238E27FC236}">
                    <a16:creationId xmlns:a16="http://schemas.microsoft.com/office/drawing/2014/main" id="{11CAF48A-1488-4A12-B02C-20F118EF1A14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3472084" y="4705804"/>
                <a:ext cx="424112" cy="0"/>
              </a:xfrm>
              <a:prstGeom prst="line">
                <a:avLst/>
              </a:prstGeom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27" name="矩形 26">
            <a:extLst>
              <a:ext uri="{FF2B5EF4-FFF2-40B4-BE49-F238E27FC236}">
                <a16:creationId xmlns:a16="http://schemas.microsoft.com/office/drawing/2014/main" id="{4E6AD039-2B82-4D6F-BC49-0600756F29E8}"/>
              </a:ext>
            </a:extLst>
          </p:cNvPr>
          <p:cNvSpPr/>
          <p:nvPr/>
        </p:nvSpPr>
        <p:spPr>
          <a:xfrm>
            <a:off x="2900546" y="5489799"/>
            <a:ext cx="2592000" cy="36576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5" name="矩形 24">
            <a:extLst>
              <a:ext uri="{FF2B5EF4-FFF2-40B4-BE49-F238E27FC236}">
                <a16:creationId xmlns:a16="http://schemas.microsoft.com/office/drawing/2014/main" id="{FF9AFE18-85DF-4EEB-8188-B1ADB2926231}"/>
              </a:ext>
            </a:extLst>
          </p:cNvPr>
          <p:cNvSpPr/>
          <p:nvPr/>
        </p:nvSpPr>
        <p:spPr>
          <a:xfrm>
            <a:off x="2905166" y="4210049"/>
            <a:ext cx="4032000" cy="36576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8" name="Text Box 9">
            <a:extLst>
              <a:ext uri="{FF2B5EF4-FFF2-40B4-BE49-F238E27FC236}">
                <a16:creationId xmlns:a16="http://schemas.microsoft.com/office/drawing/2014/main" id="{409C8598-38A5-41EC-8F49-65A7AE29059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85489" y="4106886"/>
            <a:ext cx="166245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男乘客</a:t>
            </a:r>
            <a:r>
              <a:rPr lang="zh-CN" altLang="en-US" sz="2800" dirty="0">
                <a:solidFill>
                  <a:srgbClr val="00B050"/>
                </a:solidFill>
                <a:latin typeface="+mn-lt"/>
                <a:ea typeface="DFKai-SB" panose="03000509000000000000" pitchFamily="65" charset="-120"/>
              </a:rPr>
              <a:t>：</a:t>
            </a:r>
            <a:endParaRPr lang="zh-TW" altLang="en-US" sz="2800" dirty="0">
              <a:solidFill>
                <a:srgbClr val="00B050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29" name="Text Box 9">
            <a:extLst>
              <a:ext uri="{FF2B5EF4-FFF2-40B4-BE49-F238E27FC236}">
                <a16:creationId xmlns:a16="http://schemas.microsoft.com/office/drawing/2014/main" id="{0F6B420F-50D1-4D7E-877C-91F2E9C0A56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85490" y="5356583"/>
            <a:ext cx="166245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女乘客：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30" name="Text Box 9">
            <a:extLst>
              <a:ext uri="{FF2B5EF4-FFF2-40B4-BE49-F238E27FC236}">
                <a16:creationId xmlns:a16="http://schemas.microsoft.com/office/drawing/2014/main" id="{216E29F3-7D28-4F8C-99CC-AE854314DBC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61784" y="4181851"/>
            <a:ext cx="847000" cy="40011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i="1" dirty="0">
                <a:solidFill>
                  <a:srgbClr val="7030A0"/>
                </a:solidFill>
                <a:latin typeface="+mn-lt"/>
                <a:ea typeface="DFKai-SB" panose="03000509000000000000" pitchFamily="65" charset="-120"/>
              </a:rPr>
              <a:t>h</a:t>
            </a:r>
            <a:r>
              <a:rPr lang="zh-CN" altLang="en-US" sz="2000" dirty="0">
                <a:solidFill>
                  <a:srgbClr val="7030A0"/>
                </a:solidFill>
                <a:latin typeface="+mn-lt"/>
                <a:ea typeface="DFKai-SB" panose="03000509000000000000" pitchFamily="65" charset="-120"/>
              </a:rPr>
              <a:t>人</a:t>
            </a:r>
            <a:endParaRPr lang="zh-TW" altLang="en-US" sz="2000" dirty="0">
              <a:solidFill>
                <a:srgbClr val="7030A0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32" name="Text Box 9">
            <a:extLst>
              <a:ext uri="{FF2B5EF4-FFF2-40B4-BE49-F238E27FC236}">
                <a16:creationId xmlns:a16="http://schemas.microsoft.com/office/drawing/2014/main" id="{EEBE7B9E-9D9F-4C4B-9CF6-A506295A24B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91186" y="5470386"/>
            <a:ext cx="774727" cy="40011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36</a:t>
            </a:r>
            <a:r>
              <a:rPr lang="zh-CN" altLang="en-US" sz="20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人</a:t>
            </a:r>
            <a:endParaRPr lang="zh-TW" altLang="en-US" sz="20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5" name="任意多边形: 形状 44">
            <a:extLst>
              <a:ext uri="{FF2B5EF4-FFF2-40B4-BE49-F238E27FC236}">
                <a16:creationId xmlns:a16="http://schemas.microsoft.com/office/drawing/2014/main" id="{65136A64-AF7B-40D2-9684-25B04B507C0D}"/>
              </a:ext>
            </a:extLst>
          </p:cNvPr>
          <p:cNvSpPr/>
          <p:nvPr/>
        </p:nvSpPr>
        <p:spPr>
          <a:xfrm>
            <a:off x="2869926" y="4590174"/>
            <a:ext cx="2026631" cy="149659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7030A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 dirty="0"/>
          </a:p>
        </p:txBody>
      </p:sp>
      <p:sp>
        <p:nvSpPr>
          <p:cNvPr id="46" name="Text Box 9">
            <a:extLst>
              <a:ext uri="{FF2B5EF4-FFF2-40B4-BE49-F238E27FC236}">
                <a16:creationId xmlns:a16="http://schemas.microsoft.com/office/drawing/2014/main" id="{E4176F69-DF05-42E0-9C71-4DFFA179CCD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965450" y="5028497"/>
            <a:ext cx="670102" cy="40011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000" dirty="0">
                <a:solidFill>
                  <a:schemeClr val="accent2">
                    <a:lumMod val="75000"/>
                  </a:schemeClr>
                </a:solidFill>
                <a:latin typeface="+mn-lt"/>
                <a:ea typeface="DFKai-SB" panose="03000509000000000000" pitchFamily="65" charset="-120"/>
              </a:rPr>
              <a:t>8</a:t>
            </a:r>
            <a:r>
              <a:rPr lang="zh-CN" altLang="en-US" sz="2000" dirty="0">
                <a:solidFill>
                  <a:schemeClr val="accent2">
                    <a:lumMod val="75000"/>
                  </a:schemeClr>
                </a:solidFill>
                <a:latin typeface="+mn-lt"/>
                <a:ea typeface="DFKai-SB" panose="03000509000000000000" pitchFamily="65" charset="-120"/>
              </a:rPr>
              <a:t>人</a:t>
            </a:r>
            <a:endParaRPr lang="zh-TW" altLang="en-US" sz="2000" dirty="0">
              <a:solidFill>
                <a:schemeClr val="accent2">
                  <a:lumMod val="75000"/>
                </a:schemeClr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7" name="任意多边形: 形状 46">
            <a:extLst>
              <a:ext uri="{FF2B5EF4-FFF2-40B4-BE49-F238E27FC236}">
                <a16:creationId xmlns:a16="http://schemas.microsoft.com/office/drawing/2014/main" id="{85B1AE65-9218-41CD-8971-E50BE350100B}"/>
              </a:ext>
            </a:extLst>
          </p:cNvPr>
          <p:cNvSpPr/>
          <p:nvPr/>
        </p:nvSpPr>
        <p:spPr>
          <a:xfrm flipV="1">
            <a:off x="4921166" y="5335123"/>
            <a:ext cx="565368" cy="150894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grpSp>
        <p:nvGrpSpPr>
          <p:cNvPr id="59" name="组合 58">
            <a:extLst>
              <a:ext uri="{FF2B5EF4-FFF2-40B4-BE49-F238E27FC236}">
                <a16:creationId xmlns:a16="http://schemas.microsoft.com/office/drawing/2014/main" id="{34C0C7E5-EECE-42EF-8A6D-F76C8EF41F2E}"/>
              </a:ext>
            </a:extLst>
          </p:cNvPr>
          <p:cNvGrpSpPr/>
          <p:nvPr/>
        </p:nvGrpSpPr>
        <p:grpSpPr>
          <a:xfrm>
            <a:off x="3617779" y="4716211"/>
            <a:ext cx="771303" cy="692195"/>
            <a:chOff x="3630643" y="3205137"/>
            <a:chExt cx="1237862" cy="1028449"/>
          </a:xfrm>
        </p:grpSpPr>
        <p:grpSp>
          <p:nvGrpSpPr>
            <p:cNvPr id="56" name="组合 55">
              <a:extLst>
                <a:ext uri="{FF2B5EF4-FFF2-40B4-BE49-F238E27FC236}">
                  <a16:creationId xmlns:a16="http://schemas.microsoft.com/office/drawing/2014/main" id="{A5EF6C0E-A272-44A2-A9E4-621E6AFE03A2}"/>
                </a:ext>
              </a:extLst>
            </p:cNvPr>
            <p:cNvGrpSpPr/>
            <p:nvPr/>
          </p:nvGrpSpPr>
          <p:grpSpPr>
            <a:xfrm>
              <a:off x="3630643" y="3205137"/>
              <a:ext cx="475925" cy="1028449"/>
              <a:chOff x="8081006" y="4320791"/>
              <a:chExt cx="475925" cy="1028449"/>
            </a:xfrm>
          </p:grpSpPr>
          <p:sp>
            <p:nvSpPr>
              <p:cNvPr id="53" name="Text Box 50">
                <a:extLst>
                  <a:ext uri="{FF2B5EF4-FFF2-40B4-BE49-F238E27FC236}">
                    <a16:creationId xmlns:a16="http://schemas.microsoft.com/office/drawing/2014/main" id="{C1DD2015-88CB-439C-88A3-1887D56727B6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8081006" y="4320791"/>
                <a:ext cx="454658" cy="59447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algn="r" eaLnBrk="1" hangingPunct="1">
                  <a:spcBef>
                    <a:spcPct val="50000"/>
                  </a:spcBef>
                </a:pPr>
                <a:r>
                  <a:rPr lang="en-US" altLang="zh-TW" sz="2000" i="1" dirty="0">
                    <a:solidFill>
                      <a:srgbClr val="0000E1"/>
                    </a:solidFill>
                  </a:rPr>
                  <a:t>h</a:t>
                </a:r>
              </a:p>
            </p:txBody>
          </p:sp>
          <p:sp>
            <p:nvSpPr>
              <p:cNvPr id="54" name="Text Box 50">
                <a:extLst>
                  <a:ext uri="{FF2B5EF4-FFF2-40B4-BE49-F238E27FC236}">
                    <a16:creationId xmlns:a16="http://schemas.microsoft.com/office/drawing/2014/main" id="{71098D8E-0DE7-42B8-ADE9-275ABCF7AE3A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8081006" y="4754765"/>
                <a:ext cx="454658" cy="59447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algn="r" eaLnBrk="1" hangingPunct="1">
                  <a:spcBef>
                    <a:spcPct val="50000"/>
                  </a:spcBef>
                </a:pPr>
                <a:r>
                  <a:rPr lang="en-US" altLang="zh-TW" sz="2000" dirty="0">
                    <a:solidFill>
                      <a:srgbClr val="0000E1"/>
                    </a:solidFill>
                  </a:rPr>
                  <a:t>2</a:t>
                </a:r>
              </a:p>
            </p:txBody>
          </p:sp>
          <p:cxnSp>
            <p:nvCxnSpPr>
              <p:cNvPr id="55" name="直接连接符 54">
                <a:extLst>
                  <a:ext uri="{FF2B5EF4-FFF2-40B4-BE49-F238E27FC236}">
                    <a16:creationId xmlns:a16="http://schemas.microsoft.com/office/drawing/2014/main" id="{DF5C8F58-520F-4658-AB6D-B71357B9B313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8132819" y="4806523"/>
                <a:ext cx="424112" cy="0"/>
              </a:xfrm>
              <a:prstGeom prst="line">
                <a:avLst/>
              </a:prstGeom>
              <a:ln w="19050">
                <a:solidFill>
                  <a:srgbClr val="0000E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58" name="Text Box 9">
              <a:extLst>
                <a:ext uri="{FF2B5EF4-FFF2-40B4-BE49-F238E27FC236}">
                  <a16:creationId xmlns:a16="http://schemas.microsoft.com/office/drawing/2014/main" id="{687AFAEA-9AE7-452C-91EE-C5F613D73B3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21504" y="3388329"/>
              <a:ext cx="847001" cy="59447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spcBef>
                  <a:spcPct val="50000"/>
                </a:spcBef>
              </a:pPr>
              <a:r>
                <a:rPr lang="zh-CN" altLang="en-US" sz="2000" dirty="0">
                  <a:solidFill>
                    <a:srgbClr val="0000E1"/>
                  </a:solidFill>
                  <a:latin typeface="+mn-lt"/>
                  <a:ea typeface="DFKai-SB" panose="03000509000000000000" pitchFamily="65" charset="-120"/>
                </a:rPr>
                <a:t>人</a:t>
              </a:r>
              <a:endParaRPr lang="zh-TW" altLang="en-US" sz="20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endParaRPr>
            </a:p>
          </p:txBody>
        </p:sp>
      </p:grpSp>
      <p:sp>
        <p:nvSpPr>
          <p:cNvPr id="64" name="Text Box 9">
            <a:extLst>
              <a:ext uri="{FF2B5EF4-FFF2-40B4-BE49-F238E27FC236}">
                <a16:creationId xmlns:a16="http://schemas.microsoft.com/office/drawing/2014/main" id="{F92CA5C0-C401-4369-B6CB-5BCE99BAD42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84782" y="5013092"/>
            <a:ext cx="921652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= 36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grpSp>
        <p:nvGrpSpPr>
          <p:cNvPr id="65" name="组合 64">
            <a:extLst>
              <a:ext uri="{FF2B5EF4-FFF2-40B4-BE49-F238E27FC236}">
                <a16:creationId xmlns:a16="http://schemas.microsoft.com/office/drawing/2014/main" id="{2130208D-C132-419E-8EC5-1AB42D9DB705}"/>
              </a:ext>
            </a:extLst>
          </p:cNvPr>
          <p:cNvGrpSpPr/>
          <p:nvPr/>
        </p:nvGrpSpPr>
        <p:grpSpPr>
          <a:xfrm>
            <a:off x="6197767" y="4794460"/>
            <a:ext cx="1206280" cy="960483"/>
            <a:chOff x="3599614" y="2989435"/>
            <a:chExt cx="1935955" cy="1427065"/>
          </a:xfrm>
        </p:grpSpPr>
        <p:grpSp>
          <p:nvGrpSpPr>
            <p:cNvPr id="66" name="组合 65">
              <a:extLst>
                <a:ext uri="{FF2B5EF4-FFF2-40B4-BE49-F238E27FC236}">
                  <a16:creationId xmlns:a16="http://schemas.microsoft.com/office/drawing/2014/main" id="{B0C3FB17-3F27-4C30-BEBB-54065BCDA6BB}"/>
                </a:ext>
              </a:extLst>
            </p:cNvPr>
            <p:cNvGrpSpPr/>
            <p:nvPr/>
          </p:nvGrpSpPr>
          <p:grpSpPr>
            <a:xfrm>
              <a:off x="3599614" y="2989435"/>
              <a:ext cx="681760" cy="1427065"/>
              <a:chOff x="8049977" y="4105089"/>
              <a:chExt cx="681760" cy="1427065"/>
            </a:xfrm>
          </p:grpSpPr>
          <p:sp>
            <p:nvSpPr>
              <p:cNvPr id="68" name="Text Box 50">
                <a:extLst>
                  <a:ext uri="{FF2B5EF4-FFF2-40B4-BE49-F238E27FC236}">
                    <a16:creationId xmlns:a16="http://schemas.microsoft.com/office/drawing/2014/main" id="{E45A4BA0-8AA9-48FF-90BB-774880E4A9A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8068589" y="4105089"/>
                <a:ext cx="454658" cy="777389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algn="r" eaLnBrk="1" hangingPunct="1">
                  <a:spcBef>
                    <a:spcPct val="50000"/>
                  </a:spcBef>
                </a:pPr>
                <a:r>
                  <a:rPr lang="en-US" altLang="zh-TW" sz="2800" i="1" dirty="0">
                    <a:solidFill>
                      <a:srgbClr val="0000E1"/>
                    </a:solidFill>
                  </a:rPr>
                  <a:t>h</a:t>
                </a:r>
              </a:p>
            </p:txBody>
          </p:sp>
          <p:sp>
            <p:nvSpPr>
              <p:cNvPr id="69" name="Text Box 50">
                <a:extLst>
                  <a:ext uri="{FF2B5EF4-FFF2-40B4-BE49-F238E27FC236}">
                    <a16:creationId xmlns:a16="http://schemas.microsoft.com/office/drawing/2014/main" id="{9B508FEA-4707-4B77-8961-E8BF93C95AF8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8081006" y="4754765"/>
                <a:ext cx="454658" cy="777389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bg1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17961" dir="2700000" algn="ctr" rotWithShape="0">
                        <a:srgbClr val="999999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 algn="r" eaLnBrk="1" hangingPunct="1">
                  <a:spcBef>
                    <a:spcPct val="50000"/>
                  </a:spcBef>
                </a:pPr>
                <a:r>
                  <a:rPr lang="en-US" altLang="zh-TW" sz="2800" dirty="0">
                    <a:solidFill>
                      <a:srgbClr val="0000E1"/>
                    </a:solidFill>
                  </a:rPr>
                  <a:t>2</a:t>
                </a:r>
              </a:p>
            </p:txBody>
          </p:sp>
          <p:cxnSp>
            <p:nvCxnSpPr>
              <p:cNvPr id="70" name="直接连接符 69">
                <a:extLst>
                  <a:ext uri="{FF2B5EF4-FFF2-40B4-BE49-F238E27FC236}">
                    <a16:creationId xmlns:a16="http://schemas.microsoft.com/office/drawing/2014/main" id="{075A7FA4-65C6-43D0-AD71-1BFBD44467C2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8049977" y="4806524"/>
                <a:ext cx="681760" cy="0"/>
              </a:xfrm>
              <a:prstGeom prst="line">
                <a:avLst/>
              </a:prstGeom>
              <a:ln w="19050">
                <a:solidFill>
                  <a:srgbClr val="0000E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67" name="Text Box 9">
              <a:extLst>
                <a:ext uri="{FF2B5EF4-FFF2-40B4-BE49-F238E27FC236}">
                  <a16:creationId xmlns:a16="http://schemas.microsoft.com/office/drawing/2014/main" id="{EF5B2F17-84F4-40F1-B96A-C782391C204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14044" y="3288308"/>
              <a:ext cx="1321525" cy="77738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spcBef>
                  <a:spcPct val="50000"/>
                </a:spcBef>
              </a:pPr>
              <a:r>
                <a:rPr lang="zh-CN" altLang="en-US" sz="2800" dirty="0">
                  <a:solidFill>
                    <a:srgbClr val="0000E1"/>
                  </a:solidFill>
                  <a:latin typeface="+mn-lt"/>
                  <a:ea typeface="DFKai-SB" panose="03000509000000000000" pitchFamily="65" charset="-120"/>
                </a:rPr>
                <a:t>＋</a:t>
              </a:r>
              <a:r>
                <a:rPr lang="en-US" altLang="zh-CN" sz="2800" dirty="0">
                  <a:solidFill>
                    <a:srgbClr val="0000E1"/>
                  </a:solidFill>
                  <a:latin typeface="+mn-lt"/>
                  <a:ea typeface="DFKai-SB" panose="03000509000000000000" pitchFamily="65" charset="-120"/>
                </a:rPr>
                <a:t>8</a:t>
              </a:r>
              <a:endParaRPr lang="zh-TW" altLang="en-US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endParaRPr>
            </a:p>
          </p:txBody>
        </p:sp>
      </p:grpSp>
      <p:sp>
        <p:nvSpPr>
          <p:cNvPr id="18" name="任意多边形: 形状 17">
            <a:extLst>
              <a:ext uri="{FF2B5EF4-FFF2-40B4-BE49-F238E27FC236}">
                <a16:creationId xmlns:a16="http://schemas.microsoft.com/office/drawing/2014/main" id="{7B70307D-6C76-4E6A-B089-60D198FDDF3F}"/>
              </a:ext>
            </a:extLst>
          </p:cNvPr>
          <p:cNvSpPr/>
          <p:nvPr/>
        </p:nvSpPr>
        <p:spPr>
          <a:xfrm>
            <a:off x="4910667" y="4572000"/>
            <a:ext cx="0" cy="914400"/>
          </a:xfrm>
          <a:custGeom>
            <a:avLst/>
            <a:gdLst>
              <a:gd name="connsiteX0" fmla="*/ 0 w 0"/>
              <a:gd name="connsiteY0" fmla="*/ 0 h 948267"/>
              <a:gd name="connsiteX1" fmla="*/ 0 w 0"/>
              <a:gd name="connsiteY1" fmla="*/ 948267 h 94826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948267">
                <a:moveTo>
                  <a:pt x="0" y="0"/>
                </a:moveTo>
                <a:lnTo>
                  <a:pt x="0" y="948267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44820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30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2000"/>
                            </p:stCondLst>
                            <p:childTnLst>
                              <p:par>
                                <p:cTn id="5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3000"/>
                            </p:stCondLst>
                            <p:childTnLst>
                              <p:par>
                                <p:cTn id="5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500"/>
                            </p:stCondLst>
                            <p:childTnLst>
                              <p:par>
                                <p:cTn id="7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5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2500"/>
                            </p:stCondLst>
                            <p:childTnLst>
                              <p:par>
                                <p:cTn id="7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1000"/>
                            </p:stCondLst>
                            <p:childTnLst>
                              <p:par>
                                <p:cTn id="8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1" fill="hold">
                            <p:stCondLst>
                              <p:cond delay="0"/>
                            </p:stCondLst>
                            <p:childTnLst>
                              <p:par>
                                <p:cTn id="1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4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74" grpId="0" animBg="1"/>
      <p:bldP spid="74" grpId="1" animBg="1"/>
      <p:bldP spid="38" grpId="0" animBg="1"/>
      <p:bldP spid="38" grpId="1" animBg="1"/>
      <p:bldP spid="37" grpId="0" animBg="1"/>
      <p:bldP spid="37" grpId="1" animBg="1"/>
      <p:bldP spid="36" grpId="0" animBg="1"/>
      <p:bldP spid="36" grpId="1" animBg="1"/>
      <p:bldP spid="31" grpId="0" animBg="1"/>
      <p:bldP spid="31" grpId="1" animBg="1"/>
      <p:bldP spid="27" grpId="0" animBg="1"/>
      <p:bldP spid="27" grpId="1" animBg="1"/>
      <p:bldP spid="25" grpId="0" animBg="1"/>
      <p:bldP spid="25" grpId="1" animBg="1"/>
      <p:bldP spid="28" grpId="0"/>
      <p:bldP spid="28" grpId="1"/>
      <p:bldP spid="29" grpId="0"/>
      <p:bldP spid="29" grpId="1"/>
      <p:bldP spid="30" grpId="0"/>
      <p:bldP spid="30" grpId="1"/>
      <p:bldP spid="32" grpId="0"/>
      <p:bldP spid="32" grpId="1"/>
      <p:bldP spid="45" grpId="0" animBg="1"/>
      <p:bldP spid="45" grpId="1" animBg="1"/>
      <p:bldP spid="46" grpId="0"/>
      <p:bldP spid="46" grpId="1"/>
      <p:bldP spid="47" grpId="0" animBg="1"/>
      <p:bldP spid="47" grpId="1" animBg="1"/>
      <p:bldP spid="64" grpId="0"/>
      <p:bldP spid="64" grpId="1"/>
      <p:bldP spid="18" grpId="0" animBg="1"/>
      <p:bldP spid="18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5h"/>
  <p:tag name="ISPRING_LMS_API_VERSION" val="SCORM 2004 (4th edition)"/>
  <p:tag name="ISPRING_ULTRA_SCORM_COURCE_TITLE" val="長河小學數學科速效提分試卷"/>
  <p:tag name="ISPRING_ULTRA_SCORM_COURSE_ID" val="DD860A06-12C3-4D1C-81AC-9444BC3EEEA6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5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A815EBF-939F-4803-8A3E-E98A6A59C963}:29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EF20187-D201-4499-AD3E-89E202BD4003}:30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60ED2EF-56ED-4389-87BE-4D0E5A579034}:30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8518F3-FA0F-460B-91CB-490A1B764EC2}:31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507D5E-51CB-4447-838C-68A0CE9A5BCC}:31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2E91881-A0C6-49FD-826E-0811F6CBC8D6}:31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81E73A5-A5C8-4FFA-9AF5-6E2673418B28}:309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750</Words>
  <Application>Microsoft Office PowerPoint</Application>
  <PresentationFormat>On-screen Show (4:3)</PresentationFormat>
  <Paragraphs>125</Paragraphs>
  <Slides>7</Slides>
  <Notes>7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7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Arial</vt:lpstr>
      <vt:lpstr>Calibri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27:23Z</dcterms:modified>
</cp:coreProperties>
</file>